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tables/table1.xml" ContentType="application/vnd.openxmlformats-officedocument.spreadsheetml.table+xml"/>
  <Override PartName="/xl/tables/table2.xml" ContentType="application/vnd.openxmlformats-officedocument.spreadsheetml.table+xml"/>
  <Override PartName="/xl/tables/table3.xml" ContentType="application/vnd.openxmlformats-officedocument.spreadsheetml.table+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328"/>
  <workbookPr filterPrivacy="1"/>
  <xr:revisionPtr revIDLastSave="197" documentId="8_{03559111-B8BC-43EF-BD97-572F4FFCF265}" xr6:coauthVersionLast="47" xr6:coauthVersionMax="47" xr10:uidLastSave="{6B12F5F3-702E-4426-B02C-B2F9DD4FE4B6}"/>
  <workbookProtection workbookAlgorithmName="SHA-512" workbookHashValue="FtmUEWntEW7PCaKwjvUHpj3ZXaHRqqYky65BNIbjQAnctRN/29T9IVpEHY/4rlTyrr+QKgNLxRNu2AbkYgtbrQ==" workbookSaltValue="ZJUl8GNI0XuhBuhlvxbUZw==" workbookSpinCount="100000" lockStructure="1"/>
  <bookViews>
    <workbookView xWindow="-10725" yWindow="-21720" windowWidth="51840" windowHeight="21120" xr2:uid="{00000000-000D-0000-FFFF-FFFF00000000}"/>
  </bookViews>
  <sheets>
    <sheet name="Self-Assessment" sheetId="1" r:id="rId1"/>
    <sheet name="Data" sheetId="2" state="hidden"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B8" i="1" l="1"/>
  <c r="D38" i="1" a="1"/>
  <c r="D38" i="1" s="1"/>
  <c r="D37" i="1" a="1"/>
  <c r="D37" i="1" s="1"/>
  <c r="D36" i="1" a="1"/>
  <c r="D36" i="1" s="1"/>
  <c r="D35" i="1" a="1"/>
  <c r="D35" i="1" s="1"/>
  <c r="D34" i="1" a="1"/>
  <c r="D34" i="1" s="1"/>
  <c r="D33" i="1" a="1"/>
  <c r="D33" i="1" s="1"/>
  <c r="D32" i="1" a="1"/>
  <c r="D32" i="1" s="1"/>
  <c r="D31" i="1" a="1"/>
  <c r="D31" i="1" s="1"/>
  <c r="D30" i="1" a="1"/>
  <c r="D30" i="1" s="1"/>
  <c r="D29" i="1" a="1"/>
  <c r="D29" i="1" s="1"/>
  <c r="D28" i="1" a="1"/>
  <c r="D28" i="1" s="1"/>
  <c r="D27" i="1" a="1"/>
  <c r="D27" i="1" s="1"/>
  <c r="D26" i="1" a="1"/>
  <c r="D26" i="1" s="1"/>
  <c r="D25" i="1" a="1"/>
  <c r="D25" i="1" s="1"/>
  <c r="D24" i="1" a="1"/>
  <c r="D24" i="1" s="1"/>
  <c r="D23" i="1" a="1"/>
  <c r="D23" i="1" s="1"/>
  <c r="D22" i="1" a="1"/>
  <c r="D22" i="1" s="1"/>
  <c r="D21" i="1" a="1"/>
  <c r="D21" i="1" s="1"/>
  <c r="D20" i="1" a="1"/>
  <c r="D20" i="1" s="1"/>
  <c r="D19" i="1" a="1"/>
  <c r="D19" i="1" s="1"/>
  <c r="D18" i="1" a="1"/>
  <c r="D18" i="1" s="1"/>
  <c r="D17" i="1" a="1"/>
  <c r="D17" i="1" s="1"/>
  <c r="D16" i="1" a="1"/>
  <c r="D16" i="1" s="1"/>
  <c r="D15" i="1" a="1"/>
  <c r="D15" i="1" s="1"/>
  <c r="D14" i="1" a="1"/>
  <c r="D14" i="1" s="1"/>
  <c r="D13" i="1" a="1"/>
  <c r="D13" i="1" s="1"/>
  <c r="D12" i="1" a="1"/>
  <c r="D12" i="1" s="1"/>
  <c r="D11" i="1" a="1"/>
  <c r="D11" i="1" s="1"/>
  <c r="D10" i="1" a="1"/>
  <c r="D10" i="1" s="1"/>
  <c r="D9" i="1" a="1"/>
  <c r="D9" i="1" s="1"/>
  <c r="D8" i="1" a="1"/>
  <c r="D8" i="1" s="1"/>
  <c r="D7" i="1" a="1"/>
  <c r="D7" i="1" s="1"/>
  <c r="D6" i="1" a="1"/>
  <c r="D6" i="1" s="1"/>
  <c r="D5" i="1" a="1"/>
  <c r="D5" i="1" s="1"/>
  <c r="D4" i="1" a="1"/>
  <c r="D4" i="1" s="1"/>
  <c r="D3" i="1" a="1"/>
  <c r="D3" i="1" s="1"/>
  <c r="D2" i="1" a="1"/>
  <c r="D2" i="1" s="1"/>
  <c r="B3" i="1"/>
  <c r="B4" i="1"/>
  <c r="B5" i="1"/>
  <c r="B6" i="1"/>
  <c r="B7" i="1"/>
  <c r="B9" i="1"/>
  <c r="B10" i="1"/>
  <c r="B11" i="1"/>
  <c r="B12" i="1"/>
  <c r="B13" i="1"/>
  <c r="B14" i="1"/>
  <c r="B15" i="1"/>
  <c r="B16" i="1"/>
  <c r="B17" i="1"/>
  <c r="B18" i="1"/>
  <c r="B19" i="1"/>
  <c r="B20" i="1"/>
  <c r="B21" i="1"/>
  <c r="B22" i="1"/>
  <c r="B23" i="1"/>
  <c r="B24" i="1"/>
  <c r="B25" i="1"/>
  <c r="B26" i="1"/>
  <c r="B27" i="1"/>
  <c r="B28" i="1"/>
  <c r="B29" i="1"/>
  <c r="B30" i="1"/>
  <c r="B31" i="1"/>
  <c r="B32" i="1"/>
  <c r="B33" i="1"/>
  <c r="B34" i="1"/>
  <c r="B35" i="1"/>
  <c r="B36" i="1"/>
  <c r="B37" i="1"/>
  <c r="B38" i="1"/>
  <c r="B2" i="1"/>
  <c r="A3" i="1"/>
  <c r="A4" i="1"/>
  <c r="A5" i="1"/>
  <c r="A6" i="1"/>
  <c r="A7" i="1"/>
  <c r="A8" i="1"/>
  <c r="A9" i="1"/>
  <c r="A10" i="1"/>
  <c r="A11" i="1"/>
  <c r="A12" i="1"/>
  <c r="A13" i="1"/>
  <c r="A14" i="1"/>
  <c r="A15" i="1"/>
  <c r="A16" i="1"/>
  <c r="A17" i="1"/>
  <c r="A18" i="1"/>
  <c r="A19" i="1"/>
  <c r="A20" i="1"/>
  <c r="A21" i="1"/>
  <c r="A22" i="1"/>
  <c r="A23" i="1"/>
  <c r="A24" i="1"/>
  <c r="A25" i="1"/>
  <c r="A26" i="1"/>
  <c r="A27" i="1"/>
  <c r="A28" i="1"/>
  <c r="A29" i="1"/>
  <c r="A30" i="1"/>
  <c r="A31" i="1"/>
  <c r="A32" i="1"/>
  <c r="A33" i="1"/>
  <c r="A34" i="1"/>
  <c r="A35" i="1"/>
  <c r="A36" i="1"/>
  <c r="A37" i="1"/>
  <c r="A38" i="1"/>
  <c r="A2" i="1"/>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123" uniqueCount="83">
  <si>
    <t>ID</t>
  </si>
  <si>
    <t>Question</t>
  </si>
  <si>
    <t>Answer</t>
  </si>
  <si>
    <t>Feedback</t>
  </si>
  <si>
    <t>Inverse</t>
  </si>
  <si>
    <t>Answer options</t>
  </si>
  <si>
    <t>Data risk management is embedded in day-to-day operations and subject to continuous improvement, with active support from executive management.</t>
  </si>
  <si>
    <t>No</t>
  </si>
  <si>
    <t>Prudential reporting and capital monitoring are data products, weak everyday data practices directly degrade capital and liquidity decisions and reporting integrity. Executive sponsorship makes data ownership, funding and change‑management real; continuous improvement keeps pace with new templates/taxonomies and business changes. This is consistent with DNB’s data‑driven supervision stance and good‑practice principles for regulatory reporting data governance.</t>
  </si>
  <si>
    <t>Is prudential reporting integrated into the firm’s overall risk management framework?</t>
  </si>
  <si>
    <t>Yes</t>
  </si>
  <si>
    <t>Is prudential reporting also included in the Internal Capital Adequacy and Risk Assessment Process (ICARAP)?</t>
  </si>
  <si>
    <t>Is data quality risk addressed within the firm’s risk management framework?</t>
  </si>
  <si>
    <t>Data quality is foundational to reliable risk assessments and regulatory reporting. Poor data can lead to misinformed decisions and regulatory breaches.</t>
  </si>
  <si>
    <t>Not applicable</t>
  </si>
  <si>
    <t>ICARAPs that evidence data lineage, reconciliations and validation reduce model and parameter risk, support Pillar 2 assessments and withstand supervisory challenge.</t>
  </si>
  <si>
    <t>Has responsibility for prudential reporting been formally assigned at board level?</t>
  </si>
  <si>
    <t>Board ownership ensures adequate resources, independence of control functions, and that reporting errors are treated as governance issues, not just operational mishaps. It aligns with internal governance expectations that the management body ensures integrity of financial/prudential reporting.</t>
  </si>
  <si>
    <t>Has responsibility for data quality risk been formally assigned at board level?</t>
  </si>
  <si>
    <t>Without top‑level accountability, firms generally under‑invest in data controls, accept manual workarounds and tolerate recurring resubmissions.</t>
  </si>
  <si>
    <t>Does the firm have documented data quality requirements or KPIs for prudential reporting (e.g., validity, completeness, timeliness)?</t>
  </si>
  <si>
    <t>Is the preparation of prudential reports outsourced to an external service provider?</t>
  </si>
  <si>
    <t>If so, are data received from service providers subject to specific data quality requirements?</t>
  </si>
  <si>
    <t>Does the firm have an internal audit function?</t>
  </si>
  <si>
    <t>Is prudential reporting within the scope of internal audit?</t>
  </si>
  <si>
    <t>When the internal audit function periodically tests the reporting process from start to end, issues are found before DNB validations or supervisory findings.</t>
  </si>
  <si>
    <t>Does the firm have a documented policy or procedure addressing data quality risk?</t>
  </si>
  <si>
    <t>Policy codifies roles (data owners/stewards), minimum controls, escalation and metrics. It reduces key‑person risk and supports consistent execution across quarters.</t>
  </si>
  <si>
    <t>The firm has a sound understanding of the applicable regulatory and legal framework for investment firms and/or fund managers. It has translated these requirements into firm-specific prudential reporting obligations and ensures compliance at all times. This is accurately reflected in the prudential reports submitted to DNB.</t>
  </si>
  <si>
    <t>Misunderstanding IFR/IFD (e.g., K‑factors, fixed overhead requirement, consolidation, liquidity) leads to miscalculated capital or liquidity and misreported templates.</t>
  </si>
  <si>
    <t>Does the firm maintain documentation explaining key regulatory concepts for IFREP/FINREP reporting (e.g., K-factors) and their application to the firm’s business model?</t>
  </si>
  <si>
    <t>Clear internal manuals and methodology papers help withstand staff turnover and ensure consistent calculations over time.</t>
  </si>
  <si>
    <t>Are capital requirements and capital ratios monitored internally?</t>
  </si>
  <si>
    <t>Internal monitoring with alerts prevents breaches and supports timely management actions.</t>
  </si>
  <si>
    <t>Does the firm maintain a medium-term capital plan to ensure adequate capitalization?</t>
  </si>
  <si>
    <t>Has the firm’s prudential capital position or requirements ever been assessed by an external party (e.g., auditor or consultant)?</t>
  </si>
  <si>
    <t>Independent reviews strengthen credibility, reveal blind spots and support the board’s duty to ensure reporting integrity and adequate capital.</t>
  </si>
  <si>
    <t>The firm has defined and documented control routines for prudential reporting as part of its regular risk management cycle, including processes for continuous improvement.</t>
  </si>
  <si>
    <t>Does the firm have a documented process for preparing prudential reports?</t>
  </si>
  <si>
    <t>An end‑to‑end process description (systems, mappings, roles, deadlines, evidence) enables repeatability, training and auditability. This is crucial when facing staff changes and tight timelines.</t>
  </si>
  <si>
    <t>Is there a mandatory board-level sign-off for prudential reporting?</t>
  </si>
  <si>
    <t>Formal sign‑off concentrates accountability, drives robust challenge, and ensures the management body fulfils its responsibility for reporting integrity.</t>
  </si>
  <si>
    <t>Is prudential reporting subject to validation or review before submission to DNB (e.g., four-eyes principle)?</t>
  </si>
  <si>
    <t>Independent review reduces errors and misinterpretations, it’s a cornerstone of sound change and reporting control.</t>
  </si>
  <si>
    <t>Are reconciliations performed between source data and prudential reports to ensure accuracy? Are these reconciliations documented?</t>
  </si>
  <si>
    <t>Reconciling from golden sources (general ledger/position systems) to templates is essential to catch breaks introduced by mappings/transformations and to evidence data lineage.</t>
  </si>
  <si>
    <t>Are reconciliations performed between internal management reports and prudential reports? Are these reconciliations documented?</t>
  </si>
  <si>
    <t>Where management reports and submissions diverge, firms must explain or correct. Persistent discrepancies suggest weak data governance.</t>
  </si>
  <si>
    <t>IT systems, including outsourced solutions, are governed by a robust risk and compliance framework and can aggregate prudential reporting data while ensuring availability, integrity, and confidentiality.</t>
  </si>
  <si>
    <t>Supervisory guidance expects fit‑for‑purpose IT, access controls, audit trails, automated aggregation and resilience. Fragile tooling and manual adjustments are root causes of data issues.</t>
  </si>
  <si>
    <t>Does the firm maintain documentation of its IT infrastructure, including key systems and data flows relevant to prudential reporting?</t>
  </si>
  <si>
    <t>Diagrams and data dictionaries enable impact assessment for changes, efficient investigations and better controls design.</t>
  </si>
  <si>
    <t>Has a board or senior management member been formally assigned responsibility for IT systems supporting prudential reporting, even if outsourced?</t>
  </si>
  <si>
    <t>Clear accountability ensures adequate oversight, capacity and continuity planning regardless of outsourcing.</t>
  </si>
  <si>
    <t>Does the firm use end-user computing tools (EUCs e.g., Excel) for prudential reporting processes (e.g., K-factor calculations, IFREP/FINREP templates)?</t>
  </si>
  <si>
    <t>Does the firm rely on manual processes for data collection, aggregation, or reporting?</t>
  </si>
  <si>
    <t>Manual steps must be documented, segregated, evidenced and periodically automated where feasible. Otherwise error risk and key‑person dependency remain high.</t>
  </si>
  <si>
    <t>Does the firm perform regular data backups?</t>
  </si>
  <si>
    <t>Backups protect against data loss (hardware failure, ransomware) and support timely recovery. Foundational for availability and integrity.</t>
  </si>
  <si>
    <t>Has the firm tested data restoration from backups for prudential reporting?</t>
  </si>
  <si>
    <t>Does the firm have a documented Business Continuity Management (BCM) policy?</t>
  </si>
  <si>
    <t>Does the firm have an IT security policy?</t>
  </si>
  <si>
    <t>Security controls (identity, access, logging, patching) protect sensitive prudential data and reduce integrity risks that would invalidate submissions of prudential reports.</t>
  </si>
  <si>
    <t>Over the past three years, the firm has consistently submitted prudential reports to DNB on time and without material errors requiring resubmission.</t>
  </si>
  <si>
    <t>A strong track record indicates mature processes and lowers supervisory concerns. Repeated resubmissions and late filing are leading indicators of weak controls.</t>
  </si>
  <si>
    <t>Is the firm familiar with DNB best practices for prudential reporting, and does it apply them in its controls?</t>
  </si>
  <si>
    <t>Firms aligning their internal controls to DNB good practices pass validations more smoothly and reduce supervisory friction.</t>
  </si>
  <si>
    <t>Has the external auditor ever raised concerns about data quality during the annual financial audit?</t>
  </si>
  <si>
    <t>When auditors flag data quality, boards should treat this as a priority remediation item. Findings like these often correlate with prudential reporting weaknesses.</t>
  </si>
  <si>
    <t>Outsourcing does not outsource responsibility. Firms must retain oversight, ensure access to underlying data/working papers and integrate vendor outputs into their control environment.</t>
  </si>
  <si>
    <t>Forward‑looking capital planning (including stress, reverse‑stress and wind‑down) evidences resilience and links business strategy to prudential capacity.</t>
  </si>
  <si>
    <t>If reporting sits outside the risk management function, key controls (risk appetite, three‑lines, key risk indicators, key performance indicators, model validation, change control) won’t systematically catch misstatements before submission. The Supervisory Review and Evaluation Process (SREP) explicitly expects governance and firm‑wide controls to encompass reporting processes.</t>
  </si>
  <si>
    <t>Explicitly incorporating reporting ensures K‑factor and fixed overhead requirement calculations, own funds composition and liquidity metrics are robust, challenged and signed off within the ICARAP governance cycle.</t>
  </si>
  <si>
    <t>The absence of documented data quality requirements or key performance indicators for prudential reporting creates risks around critical regulatory submissions. Establishing clear standards and metrics strengthens governance, supports reliable decision-making, and reduces regulatory risk. Implementing these measures demonstrates the firm’s commitment to robust data management and enhances credibility with supervisors and stakeholders.</t>
  </si>
  <si>
    <t>Contracted service level agreements and data quality assurances (quality, timeliness, change control), and right‑to‑audit/attestation reduce the risk that third‑party errors propagate into IFREP/FINREP, aligning with governance and data lineage expectations.</t>
  </si>
  <si>
    <t>Embedding report controls (checklists, reconciliations, sign‑offs, post‑mortems) in 'business as usual' reduces resubmissions and aligns with good‑practice guidance.</t>
  </si>
  <si>
    <t>End user computing (EUC) is often necessary for mapping or adjustments, but introduces model and operational risk. Identification and registration of EUCs is the first step to control them and mitigate these risks.</t>
  </si>
  <si>
    <t>Are controls in place to ensure the reliability of end user computing (e.g., version control, risk assessments)?</t>
  </si>
  <si>
    <t>A backup is only valuable if it can be restored with limited dataloss in a timely manner. Periodic restore tests prove recoverability of reporting chains before a crisis occurs.</t>
  </si>
  <si>
    <t>BCM defines roles, impact analyses, recovery time objectives, recovery point objectives, scenario tests and communications. It ensures reporting can continue (or will be timely recovered) under disruption.</t>
  </si>
  <si>
    <t>Is data quality risk also considered in the Internal Capital Adequacy and Risk Assessment Process (ICARAP)?</t>
  </si>
  <si>
    <t>An internal audit function provides independent assurance on governance, risk and controls—covering regulatory reporting, data management, outsourcing and IT. Absence or a weak internal audit function deprives the board of objective assurance. This is irrespective of whether the firm is required to have an internal audit function.</t>
  </si>
  <si>
    <t xml:space="preserve">Without model governance for end user computing, “silent” spreadsheet changes can alter capital numbers. Supervisory guidance expects mitigants equivalent to accounting‑grade controls.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fonts count="1" x14ac:knownFonts="1">
    <font>
      <sz val="11"/>
      <color theme="1"/>
      <name val="Aptos Narrow"/>
      <family val="2"/>
      <scheme val="minor"/>
    </font>
  </fonts>
  <fills count="2">
    <fill>
      <patternFill patternType="none"/>
    </fill>
    <fill>
      <patternFill patternType="gray125"/>
    </fill>
  </fills>
  <borders count="1">
    <border>
      <left/>
      <right/>
      <top/>
      <bottom/>
      <diagonal/>
    </border>
  </borders>
  <cellStyleXfs count="1">
    <xf numFmtId="0" fontId="0" fillId="0" borderId="0"/>
  </cellStyleXfs>
  <cellXfs count="4">
    <xf numFmtId="0" fontId="0" fillId="0" borderId="0" xfId="0"/>
    <xf numFmtId="0" fontId="0" fillId="0" borderId="0" xfId="0" applyAlignment="1">
      <alignment wrapText="1"/>
    </xf>
    <xf numFmtId="0" fontId="0" fillId="0" borderId="0" xfId="0" applyAlignment="1">
      <alignment horizontal="left" vertical="top" wrapText="1"/>
    </xf>
    <xf numFmtId="0" fontId="0" fillId="0" borderId="0" xfId="0" applyAlignment="1" applyProtection="1">
      <alignment horizontal="left" vertical="top" wrapText="1"/>
      <protection locked="0"/>
    </xf>
  </cellXfs>
  <cellStyles count="1">
    <cellStyle name="Normal" xfId="0" builtinId="0"/>
  </cellStyles>
  <dxfs count="10">
    <dxf>
      <font>
        <color rgb="FF9C0006"/>
      </font>
      <fill>
        <patternFill>
          <bgColor rgb="FFFFC7CE"/>
        </patternFill>
      </fill>
    </dxf>
    <dxf>
      <font>
        <color rgb="FF9C5700"/>
      </font>
      <fill>
        <patternFill>
          <bgColor rgb="FFFFEB9C"/>
        </patternFill>
      </fill>
    </dxf>
    <dxf>
      <alignment horizontal="general" vertical="bottom" textRotation="0" wrapText="1" indent="0" justifyLastLine="0" shrinkToFit="0" readingOrder="0"/>
    </dxf>
    <dxf>
      <alignment horizontal="general" vertical="bottom" textRotation="0" wrapText="1" indent="0" justifyLastLine="0" shrinkToFit="0" readingOrder="0"/>
    </dxf>
    <dxf>
      <alignment horizontal="general" vertical="bottom" textRotation="0" wrapText="1" indent="0" justifyLastLine="0" shrinkToFit="0" readingOrder="0"/>
    </dxf>
    <dxf>
      <alignment horizontal="left" vertical="top" textRotation="0" wrapText="1" indent="0" justifyLastLine="0" shrinkToFit="0" readingOrder="0"/>
    </dxf>
    <dxf>
      <alignment horizontal="left" vertical="top" textRotation="0" wrapText="1" indent="0" justifyLastLine="0" shrinkToFit="0" readingOrder="0"/>
      <protection locked="0" hidden="0"/>
    </dxf>
    <dxf>
      <alignment horizontal="left" vertical="top" textRotation="0" wrapText="1" indent="0" justifyLastLine="0" shrinkToFit="0" readingOrder="0"/>
    </dxf>
    <dxf>
      <alignment horizontal="left" vertical="top" textRotation="0" wrapText="1" indent="0" justifyLastLine="0" shrinkToFit="0" readingOrder="0"/>
    </dxf>
    <dxf>
      <alignment horizontal="left" vertical="top" textRotation="0" wrapText="1" indent="0" justifyLastLine="0" shrinkToFit="0" readingOrder="0"/>
    </dxf>
  </dxfs>
  <tableStyles count="1" defaultTableStyle="TableStyleMedium2" defaultPivotStyle="PivotStyleLight16">
    <tableStyle name="Invisible" pivot="0" table="0" count="0" xr9:uid="{867D4180-A894-42FD-A4FF-DDEB40D59C7B}"/>
  </tableStyle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alcChain" Target="calcChain.xml"/><Relationship Id="rId13" Type="http://schemas.openxmlformats.org/officeDocument/2006/relationships/customXml" Target="../customXml/item5.xml"/><Relationship Id="rId3" Type="http://schemas.openxmlformats.org/officeDocument/2006/relationships/theme" Target="theme/theme1.xml"/><Relationship Id="rId7" Type="http://schemas.microsoft.com/office/2017/10/relationships/person" Target="persons/person.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eetMetadata" Target="metadata.xml"/><Relationship Id="rId11" Type="http://schemas.openxmlformats.org/officeDocument/2006/relationships/customXml" Target="../customXml/item3.xml"/><Relationship Id="rId5" Type="http://schemas.openxmlformats.org/officeDocument/2006/relationships/sharedStrings" Target="sharedStrings.xml"/><Relationship Id="rId15" Type="http://schemas.openxmlformats.org/officeDocument/2006/relationships/customXml" Target="../customXml/item7.xml"/><Relationship Id="rId10" Type="http://schemas.openxmlformats.org/officeDocument/2006/relationships/customXml" Target="../customXml/item2.xml"/><Relationship Id="rId4" Type="http://schemas.openxmlformats.org/officeDocument/2006/relationships/styles" Target="styles.xml"/><Relationship Id="rId9" Type="http://schemas.openxmlformats.org/officeDocument/2006/relationships/customXml" Target="../customXml/item1.xml"/><Relationship Id="rId14" Type="http://schemas.openxmlformats.org/officeDocument/2006/relationships/customXml" Target="../customXml/item6.xml"/></Relationships>
</file>

<file path=xl/persons/person.xml><?xml version="1.0" encoding="utf-8"?>
<personList xmlns="http://schemas.microsoft.com/office/spreadsheetml/2018/threadedcomments" xmlns:x="http://schemas.openxmlformats.org/spreadsheetml/2006/main"/>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FF9338BE-1BA5-432C-AE9D-C3D8F8C8F119}" name="Assessment" displayName="Assessment" ref="A1:D38" totalsRowShown="0" dataDxfId="9">
  <autoFilter ref="A1:D38" xr:uid="{FF9338BE-1BA5-432C-AE9D-C3D8F8C8F119}"/>
  <tableColumns count="4">
    <tableColumn id="1" xr3:uid="{F2B19422-7FDC-428A-B2BB-202503D68E0B}" name="ID" dataDxfId="8">
      <calculatedColumnFormula>ROW(A1)</calculatedColumnFormula>
    </tableColumn>
    <tableColumn id="2" xr3:uid="{6E64AB46-55A3-4A0A-8D72-3A34B8EF47F0}" name="Question" dataDxfId="7">
      <calculatedColumnFormula>_xlfn.XLOOKUP(Assessment[[#This Row],[ID]],Data[ID],Data[Question])</calculatedColumnFormula>
    </tableColumn>
    <tableColumn id="3" xr3:uid="{E6DBF84C-5DBC-4499-8526-5006D56ABABC}" name="Answer" dataDxfId="6"/>
    <tableColumn id="4" xr3:uid="{05A85BE7-535B-48C0-BBE6-3F0E9CEA0EF4}" name="Feedback" dataDxfId="5">
      <calculatedColumnFormula array="1">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calculatedColumnFormula>
    </tableColumn>
  </tableColumns>
  <tableStyleInfo name="TableStyleMedium2"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CF05A699-E9F7-428F-BDE1-8CCB8771F730}" name="Data" displayName="Data" ref="A1:D38" totalsRowShown="0">
  <autoFilter ref="A1:D38" xr:uid="{CF05A699-E9F7-428F-BDE1-8CCB8771F730}"/>
  <tableColumns count="4">
    <tableColumn id="1" xr3:uid="{A2FE730A-4E3B-41B8-9D19-EC24FA6DCA02}" name="ID"/>
    <tableColumn id="2" xr3:uid="{8D268805-7249-4787-8285-B04E5E09B607}" name="Question" dataDxfId="4"/>
    <tableColumn id="4" xr3:uid="{6AD3B7B7-E96C-4003-A92B-606C7454291D}" name="Inverse" dataDxfId="3"/>
    <tableColumn id="3" xr3:uid="{676D10D7-3EC6-4E64-8201-37E9D612174A}" name="Feedback" dataDxfId="2"/>
  </tableColumns>
  <tableStyleInfo name="TableStyleMedium2" showFirstColumn="0" showLastColumn="0" showRowStripes="1" showColumnStripes="0"/>
</table>
</file>

<file path=xl/tables/table3.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3" xr:uid="{6A8584A5-9D5D-4468-9B78-FE655A9B3ABE}" name="Options" displayName="Options" ref="F1:F5" totalsRowShown="0">
  <autoFilter ref="F1:F5" xr:uid="{6A8584A5-9D5D-4468-9B78-FE655A9B3ABE}"/>
  <tableColumns count="1">
    <tableColumn id="1" xr3:uid="{548A7D12-60BA-4EB5-A470-93115F53DE2F}" name="Answer options"/>
  </tableColumns>
  <tableStyleInfo name="TableStyleMedium2" showFirstColumn="0" showLastColumn="0" showRowStripes="1" showColumnStripes="0"/>
</table>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2" Type="http://schemas.openxmlformats.org/officeDocument/2006/relationships/table" Target="../tables/table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table" Target="../tables/table3.xml"/><Relationship Id="rId1" Type="http://schemas.openxmlformats.org/officeDocument/2006/relationships/table" Target="../tables/table2.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D38"/>
  <sheetViews>
    <sheetView tabSelected="1" workbookViewId="0">
      <selection activeCell="B11" sqref="B11"/>
    </sheetView>
  </sheetViews>
  <sheetFormatPr defaultRowHeight="14.4" x14ac:dyDescent="0.3"/>
  <cols>
    <col min="2" max="2" width="160.6640625" customWidth="1"/>
    <col min="3" max="3" width="9.44140625" customWidth="1"/>
    <col min="4" max="4" width="160.6640625" customWidth="1"/>
  </cols>
  <sheetData>
    <row r="1" spans="1:4" x14ac:dyDescent="0.3">
      <c r="A1" t="s">
        <v>0</v>
      </c>
      <c r="B1" t="s">
        <v>1</v>
      </c>
      <c r="C1" t="s">
        <v>2</v>
      </c>
      <c r="D1" t="s">
        <v>3</v>
      </c>
    </row>
    <row r="2" spans="1:4" ht="45" customHeight="1" x14ac:dyDescent="0.3">
      <c r="A2" s="2">
        <f>ROW(A1)</f>
        <v>1</v>
      </c>
      <c r="B2" s="2" t="str">
        <f>_xlfn.XLOOKUP(Assessment[[#This Row],[ID]],Data[ID],Data[Question])</f>
        <v>Data risk management is embedded in day-to-day operations and subject to continuous improvement, with active support from executive management.</v>
      </c>
      <c r="C2" s="3"/>
      <c r="D2" s="2" t="str" cm="1">
        <f t="array" ref="D2">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 spans="1:4" ht="45" customHeight="1" x14ac:dyDescent="0.3">
      <c r="A3" s="2">
        <f t="shared" ref="A3:A38" si="0">ROW(A2)</f>
        <v>2</v>
      </c>
      <c r="B3" s="2" t="str">
        <f>_xlfn.XLOOKUP(Assessment[[#This Row],[ID]],Data[ID],Data[Question])</f>
        <v>Is prudential reporting integrated into the firm’s overall risk management framework?</v>
      </c>
      <c r="C3" s="3"/>
      <c r="D3" s="2" t="str" cm="1">
        <f t="array" ref="D3">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4" spans="1:4" ht="45" customHeight="1" x14ac:dyDescent="0.3">
      <c r="A4" s="2">
        <f t="shared" si="0"/>
        <v>3</v>
      </c>
      <c r="B4" s="2" t="str">
        <f>_xlfn.XLOOKUP(Assessment[[#This Row],[ID]],Data[ID],Data[Question])</f>
        <v>Is prudential reporting also included in the Internal Capital Adequacy and Risk Assessment Process (ICARAP)?</v>
      </c>
      <c r="C4" s="3"/>
      <c r="D4" s="2" t="str" cm="1">
        <f t="array" ref="D4">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5" spans="1:4" ht="45" customHeight="1" x14ac:dyDescent="0.3">
      <c r="A5" s="2">
        <f t="shared" si="0"/>
        <v>4</v>
      </c>
      <c r="B5" s="2" t="str">
        <f>_xlfn.XLOOKUP(Assessment[[#This Row],[ID]],Data[ID],Data[Question])</f>
        <v>Is data quality risk addressed within the firm’s risk management framework?</v>
      </c>
      <c r="C5" s="3"/>
      <c r="D5" s="2" t="str" cm="1">
        <f t="array" ref="D5">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6" spans="1:4" ht="45" customHeight="1" x14ac:dyDescent="0.3">
      <c r="A6" s="2">
        <f t="shared" si="0"/>
        <v>5</v>
      </c>
      <c r="B6" s="2" t="str">
        <f>_xlfn.XLOOKUP(Assessment[[#This Row],[ID]],Data[ID],Data[Question])</f>
        <v>Is data quality risk also considered in the Internal Capital Adequacy and Risk Assessment Process (ICARAP)?</v>
      </c>
      <c r="C6" s="3"/>
      <c r="D6" s="2" t="str" cm="1">
        <f t="array" ref="D6">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7" spans="1:4" ht="45" customHeight="1" x14ac:dyDescent="0.3">
      <c r="A7" s="2">
        <f t="shared" si="0"/>
        <v>6</v>
      </c>
      <c r="B7" s="2" t="str">
        <f>_xlfn.XLOOKUP(Assessment[[#This Row],[ID]],Data[ID],Data[Question])</f>
        <v>Has responsibility for prudential reporting been formally assigned at board level?</v>
      </c>
      <c r="C7" s="3"/>
      <c r="D7" s="2" t="str" cm="1">
        <f t="array" ref="D7">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8" spans="1:4" ht="45" customHeight="1" x14ac:dyDescent="0.3">
      <c r="A8" s="2">
        <f t="shared" si="0"/>
        <v>7</v>
      </c>
      <c r="B8" s="2" t="str">
        <f>_xlfn.XLOOKUP(Assessment[[#This Row],[ID]],Data[ID],Data[Question])</f>
        <v>Has responsibility for data quality risk been formally assigned at board level?</v>
      </c>
      <c r="C8" s="3"/>
      <c r="D8" s="2" t="str" cm="1">
        <f t="array" ref="D8">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9" spans="1:4" ht="45" customHeight="1" x14ac:dyDescent="0.3">
      <c r="A9" s="2">
        <f t="shared" si="0"/>
        <v>8</v>
      </c>
      <c r="B9" s="2" t="str">
        <f>_xlfn.XLOOKUP(Assessment[[#This Row],[ID]],Data[ID],Data[Question])</f>
        <v>Does the firm have documented data quality requirements or KPIs for prudential reporting (e.g., validity, completeness, timeliness)?</v>
      </c>
      <c r="C9" s="3"/>
      <c r="D9" s="2" t="str" cm="1">
        <f t="array" ref="D9">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0" spans="1:4" ht="45" customHeight="1" x14ac:dyDescent="0.3">
      <c r="A10" s="2">
        <f t="shared" si="0"/>
        <v>9</v>
      </c>
      <c r="B10" s="2" t="str">
        <f>_xlfn.XLOOKUP(Assessment[[#This Row],[ID]],Data[ID],Data[Question])</f>
        <v>Is the preparation of prudential reports outsourced to an external service provider?</v>
      </c>
      <c r="C10" s="3"/>
      <c r="D10" s="2" t="str" cm="1">
        <f t="array" ref="D10">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1" spans="1:4" ht="45" customHeight="1" x14ac:dyDescent="0.3">
      <c r="A11" s="2">
        <f t="shared" si="0"/>
        <v>10</v>
      </c>
      <c r="B11" s="2" t="str">
        <f>_xlfn.XLOOKUP(Assessment[[#This Row],[ID]],Data[ID],Data[Question])</f>
        <v>If so, are data received from service providers subject to specific data quality requirements?</v>
      </c>
      <c r="C11" s="3"/>
      <c r="D11" s="2" t="str" cm="1">
        <f t="array" ref="D11">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2" spans="1:4" ht="45" customHeight="1" x14ac:dyDescent="0.3">
      <c r="A12" s="2">
        <f t="shared" si="0"/>
        <v>11</v>
      </c>
      <c r="B12" s="2" t="str">
        <f>_xlfn.XLOOKUP(Assessment[[#This Row],[ID]],Data[ID],Data[Question])</f>
        <v>Does the firm have an internal audit function?</v>
      </c>
      <c r="C12" s="3"/>
      <c r="D12" s="2" t="str" cm="1">
        <f t="array" ref="D12">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3" spans="1:4" ht="45" customHeight="1" x14ac:dyDescent="0.3">
      <c r="A13" s="2">
        <f t="shared" si="0"/>
        <v>12</v>
      </c>
      <c r="B13" s="2" t="str">
        <f>_xlfn.XLOOKUP(Assessment[[#This Row],[ID]],Data[ID],Data[Question])</f>
        <v>Is prudential reporting within the scope of internal audit?</v>
      </c>
      <c r="C13" s="3"/>
      <c r="D13" s="2" t="str" cm="1">
        <f t="array" ref="D13">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4" spans="1:4" ht="45" customHeight="1" x14ac:dyDescent="0.3">
      <c r="A14" s="2">
        <f t="shared" si="0"/>
        <v>13</v>
      </c>
      <c r="B14" s="2" t="str">
        <f>_xlfn.XLOOKUP(Assessment[[#This Row],[ID]],Data[ID],Data[Question])</f>
        <v>Does the firm have a documented policy or procedure addressing data quality risk?</v>
      </c>
      <c r="C14" s="3"/>
      <c r="D14" s="2" t="str" cm="1">
        <f t="array" ref="D14">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5" spans="1:4" ht="45" customHeight="1" x14ac:dyDescent="0.3">
      <c r="A15" s="2">
        <f t="shared" si="0"/>
        <v>14</v>
      </c>
      <c r="B15" s="2" t="str">
        <f>_xlfn.XLOOKUP(Assessment[[#This Row],[ID]],Data[ID],Data[Question])</f>
        <v>The firm has a sound understanding of the applicable regulatory and legal framework for investment firms and/or fund managers. It has translated these requirements into firm-specific prudential reporting obligations and ensures compliance at all times. This is accurately reflected in the prudential reports submitted to DNB.</v>
      </c>
      <c r="C15" s="3"/>
      <c r="D15" s="2" t="str" cm="1">
        <f t="array" ref="D15">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6" spans="1:4" ht="45" customHeight="1" x14ac:dyDescent="0.3">
      <c r="A16" s="2">
        <f t="shared" si="0"/>
        <v>15</v>
      </c>
      <c r="B16" s="2" t="str">
        <f>_xlfn.XLOOKUP(Assessment[[#This Row],[ID]],Data[ID],Data[Question])</f>
        <v>Does the firm maintain documentation explaining key regulatory concepts for IFREP/FINREP reporting (e.g., K-factors) and their application to the firm’s business model?</v>
      </c>
      <c r="C16" s="3"/>
      <c r="D16" s="2" t="str" cm="1">
        <f t="array" ref="D16">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7" spans="1:4" ht="45" customHeight="1" x14ac:dyDescent="0.3">
      <c r="A17" s="2">
        <f t="shared" si="0"/>
        <v>16</v>
      </c>
      <c r="B17" s="2" t="str">
        <f>_xlfn.XLOOKUP(Assessment[[#This Row],[ID]],Data[ID],Data[Question])</f>
        <v>Are capital requirements and capital ratios monitored internally?</v>
      </c>
      <c r="C17" s="3"/>
      <c r="D17" s="2" t="str" cm="1">
        <f t="array" ref="D17">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8" spans="1:4" ht="45" customHeight="1" x14ac:dyDescent="0.3">
      <c r="A18" s="2">
        <f t="shared" si="0"/>
        <v>17</v>
      </c>
      <c r="B18" s="2" t="str">
        <f>_xlfn.XLOOKUP(Assessment[[#This Row],[ID]],Data[ID],Data[Question])</f>
        <v>Does the firm maintain a medium-term capital plan to ensure adequate capitalization?</v>
      </c>
      <c r="C18" s="3"/>
      <c r="D18" s="2" t="str" cm="1">
        <f t="array" ref="D18">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19" spans="1:4" ht="45" customHeight="1" x14ac:dyDescent="0.3">
      <c r="A19" s="2">
        <f t="shared" si="0"/>
        <v>18</v>
      </c>
      <c r="B19" s="2" t="str">
        <f>_xlfn.XLOOKUP(Assessment[[#This Row],[ID]],Data[ID],Data[Question])</f>
        <v>Has the firm’s prudential capital position or requirements ever been assessed by an external party (e.g., auditor or consultant)?</v>
      </c>
      <c r="C19" s="3"/>
      <c r="D19" s="2" t="str" cm="1">
        <f t="array" ref="D19">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0" spans="1:4" ht="45" customHeight="1" x14ac:dyDescent="0.3">
      <c r="A20" s="2">
        <f t="shared" si="0"/>
        <v>19</v>
      </c>
      <c r="B20" s="2" t="str">
        <f>_xlfn.XLOOKUP(Assessment[[#This Row],[ID]],Data[ID],Data[Question])</f>
        <v>The firm has defined and documented control routines for prudential reporting as part of its regular risk management cycle, including processes for continuous improvement.</v>
      </c>
      <c r="C20" s="3"/>
      <c r="D20" s="2" t="str" cm="1">
        <f t="array" ref="D20">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1" spans="1:4" ht="45" customHeight="1" x14ac:dyDescent="0.3">
      <c r="A21" s="2">
        <f t="shared" si="0"/>
        <v>20</v>
      </c>
      <c r="B21" s="2" t="str">
        <f>_xlfn.XLOOKUP(Assessment[[#This Row],[ID]],Data[ID],Data[Question])</f>
        <v>Does the firm have a documented process for preparing prudential reports?</v>
      </c>
      <c r="C21" s="3"/>
      <c r="D21" s="2" t="str" cm="1">
        <f t="array" ref="D21">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2" spans="1:4" ht="45" customHeight="1" x14ac:dyDescent="0.3">
      <c r="A22" s="2">
        <f t="shared" si="0"/>
        <v>21</v>
      </c>
      <c r="B22" s="2" t="str">
        <f>_xlfn.XLOOKUP(Assessment[[#This Row],[ID]],Data[ID],Data[Question])</f>
        <v>Is there a mandatory board-level sign-off for prudential reporting?</v>
      </c>
      <c r="C22" s="3"/>
      <c r="D22" s="2" t="str" cm="1">
        <f t="array" ref="D22">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3" spans="1:4" ht="45" customHeight="1" x14ac:dyDescent="0.3">
      <c r="A23" s="2">
        <f t="shared" si="0"/>
        <v>22</v>
      </c>
      <c r="B23" s="2" t="str">
        <f>_xlfn.XLOOKUP(Assessment[[#This Row],[ID]],Data[ID],Data[Question])</f>
        <v>Is prudential reporting subject to validation or review before submission to DNB (e.g., four-eyes principle)?</v>
      </c>
      <c r="C23" s="3"/>
      <c r="D23" s="2" t="str" cm="1">
        <f t="array" ref="D23">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4" spans="1:4" ht="45" customHeight="1" x14ac:dyDescent="0.3">
      <c r="A24" s="2">
        <f t="shared" si="0"/>
        <v>23</v>
      </c>
      <c r="B24" s="2" t="str">
        <f>_xlfn.XLOOKUP(Assessment[[#This Row],[ID]],Data[ID],Data[Question])</f>
        <v>Are reconciliations performed between source data and prudential reports to ensure accuracy? Are these reconciliations documented?</v>
      </c>
      <c r="C24" s="3"/>
      <c r="D24" s="2" t="str" cm="1">
        <f t="array" ref="D24">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5" spans="1:4" ht="45" customHeight="1" x14ac:dyDescent="0.3">
      <c r="A25" s="2">
        <f t="shared" si="0"/>
        <v>24</v>
      </c>
      <c r="B25" s="2" t="str">
        <f>_xlfn.XLOOKUP(Assessment[[#This Row],[ID]],Data[ID],Data[Question])</f>
        <v>Are reconciliations performed between internal management reports and prudential reports? Are these reconciliations documented?</v>
      </c>
      <c r="C25" s="3"/>
      <c r="D25" s="2" t="str" cm="1">
        <f t="array" ref="D25">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6" spans="1:4" ht="45" customHeight="1" x14ac:dyDescent="0.3">
      <c r="A26" s="2">
        <f t="shared" si="0"/>
        <v>25</v>
      </c>
      <c r="B26" s="2" t="str">
        <f>_xlfn.XLOOKUP(Assessment[[#This Row],[ID]],Data[ID],Data[Question])</f>
        <v>IT systems, including outsourced solutions, are governed by a robust risk and compliance framework and can aggregate prudential reporting data while ensuring availability, integrity, and confidentiality.</v>
      </c>
      <c r="C26" s="3"/>
      <c r="D26" s="2" t="str" cm="1">
        <f t="array" ref="D26">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7" spans="1:4" ht="45" customHeight="1" x14ac:dyDescent="0.3">
      <c r="A27" s="2">
        <f t="shared" si="0"/>
        <v>26</v>
      </c>
      <c r="B27" s="2" t="str">
        <f>_xlfn.XLOOKUP(Assessment[[#This Row],[ID]],Data[ID],Data[Question])</f>
        <v>Does the firm maintain documentation of its IT infrastructure, including key systems and data flows relevant to prudential reporting?</v>
      </c>
      <c r="C27" s="3"/>
      <c r="D27" s="2" t="str" cm="1">
        <f t="array" ref="D27">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8" spans="1:4" ht="45" customHeight="1" x14ac:dyDescent="0.3">
      <c r="A28" s="2">
        <f t="shared" si="0"/>
        <v>27</v>
      </c>
      <c r="B28" s="2" t="str">
        <f>_xlfn.XLOOKUP(Assessment[[#This Row],[ID]],Data[ID],Data[Question])</f>
        <v>Has a board or senior management member been formally assigned responsibility for IT systems supporting prudential reporting, even if outsourced?</v>
      </c>
      <c r="C28" s="3"/>
      <c r="D28" s="2" t="str" cm="1">
        <f t="array" ref="D28">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29" spans="1:4" ht="45" customHeight="1" x14ac:dyDescent="0.3">
      <c r="A29" s="2">
        <f t="shared" si="0"/>
        <v>28</v>
      </c>
      <c r="B29" s="2" t="str">
        <f>_xlfn.XLOOKUP(Assessment[[#This Row],[ID]],Data[ID],Data[Question])</f>
        <v>Does the firm use end-user computing tools (EUCs e.g., Excel) for prudential reporting processes (e.g., K-factor calculations, IFREP/FINREP templates)?</v>
      </c>
      <c r="C29" s="3"/>
      <c r="D29" s="2" t="str" cm="1">
        <f t="array" ref="D29">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0" spans="1:4" ht="45" customHeight="1" x14ac:dyDescent="0.3">
      <c r="A30" s="2">
        <f t="shared" si="0"/>
        <v>29</v>
      </c>
      <c r="B30" s="2" t="str">
        <f>_xlfn.XLOOKUP(Assessment[[#This Row],[ID]],Data[ID],Data[Question])</f>
        <v>Are controls in place to ensure the reliability of end user computing (e.g., version control, risk assessments)?</v>
      </c>
      <c r="C30" s="3"/>
      <c r="D30" s="2" t="str" cm="1">
        <f t="array" ref="D30">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1" spans="1:4" ht="45" customHeight="1" x14ac:dyDescent="0.3">
      <c r="A31" s="2">
        <f t="shared" si="0"/>
        <v>30</v>
      </c>
      <c r="B31" s="2" t="str">
        <f>_xlfn.XLOOKUP(Assessment[[#This Row],[ID]],Data[ID],Data[Question])</f>
        <v>Does the firm rely on manual processes for data collection, aggregation, or reporting?</v>
      </c>
      <c r="C31" s="3"/>
      <c r="D31" s="2" t="str" cm="1">
        <f t="array" ref="D31">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2" spans="1:4" ht="45" customHeight="1" x14ac:dyDescent="0.3">
      <c r="A32" s="2">
        <f t="shared" si="0"/>
        <v>31</v>
      </c>
      <c r="B32" s="2" t="str">
        <f>_xlfn.XLOOKUP(Assessment[[#This Row],[ID]],Data[ID],Data[Question])</f>
        <v>Does the firm perform regular data backups?</v>
      </c>
      <c r="C32" s="3"/>
      <c r="D32" s="2" t="str" cm="1">
        <f t="array" ref="D32">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3" spans="1:4" ht="45" customHeight="1" x14ac:dyDescent="0.3">
      <c r="A33" s="2">
        <f t="shared" si="0"/>
        <v>32</v>
      </c>
      <c r="B33" s="2" t="str">
        <f>_xlfn.XLOOKUP(Assessment[[#This Row],[ID]],Data[ID],Data[Question])</f>
        <v>Has the firm tested data restoration from backups for prudential reporting?</v>
      </c>
      <c r="C33" s="3"/>
      <c r="D33" s="2" t="str" cm="1">
        <f t="array" ref="D33">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4" spans="1:4" ht="45" customHeight="1" x14ac:dyDescent="0.3">
      <c r="A34" s="2">
        <f t="shared" si="0"/>
        <v>33</v>
      </c>
      <c r="B34" s="2" t="str">
        <f>_xlfn.XLOOKUP(Assessment[[#This Row],[ID]],Data[ID],Data[Question])</f>
        <v>Does the firm have a documented Business Continuity Management (BCM) policy?</v>
      </c>
      <c r="C34" s="3"/>
      <c r="D34" s="2" t="str" cm="1">
        <f t="array" ref="D34">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5" spans="1:4" ht="45" customHeight="1" x14ac:dyDescent="0.3">
      <c r="A35" s="2">
        <f t="shared" si="0"/>
        <v>34</v>
      </c>
      <c r="B35" s="2" t="str">
        <f>_xlfn.XLOOKUP(Assessment[[#This Row],[ID]],Data[ID],Data[Question])</f>
        <v>Does the firm have an IT security policy?</v>
      </c>
      <c r="C35" s="3"/>
      <c r="D35" s="2" t="str" cm="1">
        <f t="array" ref="D35">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6" spans="1:4" ht="45" customHeight="1" x14ac:dyDescent="0.3">
      <c r="A36" s="2">
        <f t="shared" si="0"/>
        <v>35</v>
      </c>
      <c r="B36" s="2" t="str">
        <f>_xlfn.XLOOKUP(Assessment[[#This Row],[ID]],Data[ID],Data[Question])</f>
        <v>Over the past three years, the firm has consistently submitted prudential reports to DNB on time and without material errors requiring resubmission.</v>
      </c>
      <c r="C36" s="3"/>
      <c r="D36" s="2" t="str" cm="1">
        <f t="array" ref="D36">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7" spans="1:4" ht="45" customHeight="1" x14ac:dyDescent="0.3">
      <c r="A37" s="2">
        <f t="shared" si="0"/>
        <v>36</v>
      </c>
      <c r="B37" s="2" t="str">
        <f>_xlfn.XLOOKUP(Assessment[[#This Row],[ID]],Data[ID],Data[Question])</f>
        <v>Is the firm familiar with DNB best practices for prudential reporting, and does it apply them in its controls?</v>
      </c>
      <c r="C37" s="3"/>
      <c r="D37" s="2" t="str" cm="1">
        <f t="array" ref="D37">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row r="38" spans="1:4" ht="45" customHeight="1" x14ac:dyDescent="0.3">
      <c r="A38" s="2">
        <f t="shared" si="0"/>
        <v>37</v>
      </c>
      <c r="B38" s="2" t="str">
        <f>_xlfn.XLOOKUP(Assessment[[#This Row],[ID]],Data[ID],Data[Question])</f>
        <v>Has the external auditor ever raised concerns about data quality during the annual financial audit?</v>
      </c>
      <c r="C38" s="3"/>
      <c r="D38" s="2" t="str" cm="1">
        <f t="array" ref="D38">_xlfn.IFS(
AND(Assessment[[#This Row],[Answer]]="No",_xlfn.XLOOKUP(Assessment[[#This Row],[ID]],Data[ID],Data[Inverse])="No"),_xlfn.XLOOKUP(Assessment[[#This Row],[ID]],Data[ID],Data[Feedback]),
AND(Assessment[[#This Row],[Answer]]="Yes",_xlfn.XLOOKUP(Assessment[[#This Row],[ID]],Data[ID],Data[Inverse])="Yes"),_xlfn.XLOOKUP(Assessment[[#This Row],[ID]],Data[ID],Data[Feedback]),
TRUE,"No feedback")</f>
        <v>No feedback</v>
      </c>
    </row>
  </sheetData>
  <sheetProtection algorithmName="SHA-512" hashValue="UGZW30l4rTeElGpE74CZHOn8lYNRQkEO8uG3NBxUpWJjsUGLlUq8OUmT3pT/Bxoqld3Zlz1IebLFdqD/G+hE6w==" saltValue="oJo+Otd7jJESP1ij/LYbDA==" spinCount="100000" sheet="1" objects="1" scenarios="1"/>
  <conditionalFormatting sqref="C2:C38">
    <cfRule type="containsBlanks" dxfId="1" priority="3">
      <formula>LEN(TRIM(C2))=0</formula>
    </cfRule>
  </conditionalFormatting>
  <conditionalFormatting sqref="D2:D38">
    <cfRule type="expression" dxfId="0" priority="1">
      <formula>NOT(ISNUMBER(SEARCH("No feedback", D2)))</formula>
    </cfRule>
  </conditionalFormatting>
  <pageMargins left="0.7" right="0.7" top="0.75" bottom="0.75" header="0.3" footer="0.3"/>
  <pageSetup orientation="portrait" r:id="rId1"/>
  <headerFooter>
    <oddHeader>&amp;L&amp;"Aptos"&amp;10&amp;K7FAA39 | DNB PUBLIC |&amp;1#_x000D_</oddHeader>
  </headerFooter>
  <tableParts count="1">
    <tablePart r:id="rId2"/>
  </tableParts>
  <extLst>
    <ext xmlns:x14="http://schemas.microsoft.com/office/spreadsheetml/2009/9/main" uri="{CCE6A557-97BC-4b89-ADB6-D9C93CAAB3DF}">
      <x14:dataValidations xmlns:xm="http://schemas.microsoft.com/office/excel/2006/main" count="1">
        <x14:dataValidation type="list" allowBlank="1" showInputMessage="1" showErrorMessage="1" xr:uid="{CF734ECF-9FCD-4A14-9103-7FBFDFEEFB68}">
          <x14:formula1>
            <xm:f>Data!$F$2:$F$5</xm:f>
          </x14:formula1>
          <xm:sqref>C2:C38</xm:sqref>
        </x14:dataValidation>
      </x14:dataValidations>
    </ext>
  </extLst>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AA62E01-76F7-4658-9358-F48F6130A8AD}">
  <dimension ref="A1:F38"/>
  <sheetViews>
    <sheetView workbookViewId="0">
      <selection activeCell="D38" sqref="D38"/>
    </sheetView>
  </sheetViews>
  <sheetFormatPr defaultRowHeight="14.4" x14ac:dyDescent="0.3"/>
  <cols>
    <col min="1" max="1" width="5.33203125" bestFit="1" customWidth="1"/>
    <col min="2" max="2" width="160.6640625" style="1" customWidth="1"/>
    <col min="3" max="3" width="10" style="1" bestFit="1" customWidth="1"/>
    <col min="4" max="4" width="160.6640625" style="1" customWidth="1"/>
    <col min="6" max="6" width="16.6640625" customWidth="1"/>
  </cols>
  <sheetData>
    <row r="1" spans="1:6" x14ac:dyDescent="0.3">
      <c r="A1" t="s">
        <v>0</v>
      </c>
      <c r="B1" s="1" t="s">
        <v>1</v>
      </c>
      <c r="C1" s="1" t="s">
        <v>4</v>
      </c>
      <c r="D1" s="1" t="s">
        <v>3</v>
      </c>
      <c r="F1" t="s">
        <v>5</v>
      </c>
    </row>
    <row r="2" spans="1:6" ht="43.95" customHeight="1" x14ac:dyDescent="0.3">
      <c r="A2">
        <v>1</v>
      </c>
      <c r="B2" s="1" t="s">
        <v>6</v>
      </c>
      <c r="C2" s="1" t="s">
        <v>7</v>
      </c>
      <c r="D2" s="1" t="s">
        <v>8</v>
      </c>
    </row>
    <row r="3" spans="1:6" ht="43.95" customHeight="1" x14ac:dyDescent="0.3">
      <c r="A3">
        <v>2</v>
      </c>
      <c r="B3" s="1" t="s">
        <v>9</v>
      </c>
      <c r="C3" s="1" t="s">
        <v>7</v>
      </c>
      <c r="D3" s="1" t="s">
        <v>71</v>
      </c>
      <c r="F3" t="s">
        <v>10</v>
      </c>
    </row>
    <row r="4" spans="1:6" ht="43.95" customHeight="1" x14ac:dyDescent="0.3">
      <c r="A4">
        <v>3</v>
      </c>
      <c r="B4" s="1" t="s">
        <v>11</v>
      </c>
      <c r="C4" s="1" t="s">
        <v>7</v>
      </c>
      <c r="D4" s="1" t="s">
        <v>72</v>
      </c>
      <c r="F4" t="s">
        <v>7</v>
      </c>
    </row>
    <row r="5" spans="1:6" ht="43.95" customHeight="1" x14ac:dyDescent="0.3">
      <c r="A5">
        <v>4</v>
      </c>
      <c r="B5" s="1" t="s">
        <v>12</v>
      </c>
      <c r="C5" s="1" t="s">
        <v>7</v>
      </c>
      <c r="D5" s="1" t="s">
        <v>13</v>
      </c>
      <c r="F5" t="s">
        <v>14</v>
      </c>
    </row>
    <row r="6" spans="1:6" ht="43.95" customHeight="1" x14ac:dyDescent="0.3">
      <c r="A6">
        <v>5</v>
      </c>
      <c r="B6" s="1" t="s">
        <v>80</v>
      </c>
      <c r="C6" s="1" t="s">
        <v>7</v>
      </c>
      <c r="D6" s="1" t="s">
        <v>15</v>
      </c>
    </row>
    <row r="7" spans="1:6" ht="43.95" customHeight="1" x14ac:dyDescent="0.3">
      <c r="A7">
        <v>6</v>
      </c>
      <c r="B7" s="1" t="s">
        <v>16</v>
      </c>
      <c r="C7" s="1" t="s">
        <v>7</v>
      </c>
      <c r="D7" s="1" t="s">
        <v>17</v>
      </c>
    </row>
    <row r="8" spans="1:6" ht="43.95" customHeight="1" x14ac:dyDescent="0.3">
      <c r="A8">
        <v>7</v>
      </c>
      <c r="B8" s="1" t="s">
        <v>18</v>
      </c>
      <c r="C8" s="1" t="s">
        <v>7</v>
      </c>
      <c r="D8" s="1" t="s">
        <v>19</v>
      </c>
    </row>
    <row r="9" spans="1:6" ht="43.95" customHeight="1" x14ac:dyDescent="0.3">
      <c r="A9">
        <v>8</v>
      </c>
      <c r="B9" s="1" t="s">
        <v>20</v>
      </c>
      <c r="C9" s="1" t="s">
        <v>7</v>
      </c>
      <c r="D9" s="1" t="s">
        <v>73</v>
      </c>
    </row>
    <row r="10" spans="1:6" ht="43.95" customHeight="1" x14ac:dyDescent="0.3">
      <c r="A10">
        <v>9</v>
      </c>
      <c r="B10" s="1" t="s">
        <v>21</v>
      </c>
      <c r="C10" s="1" t="s">
        <v>7</v>
      </c>
      <c r="D10" s="1" t="s">
        <v>69</v>
      </c>
    </row>
    <row r="11" spans="1:6" ht="43.95" customHeight="1" x14ac:dyDescent="0.3">
      <c r="A11">
        <v>10</v>
      </c>
      <c r="B11" s="1" t="s">
        <v>22</v>
      </c>
      <c r="C11" s="1" t="s">
        <v>7</v>
      </c>
      <c r="D11" s="1" t="s">
        <v>74</v>
      </c>
    </row>
    <row r="12" spans="1:6" ht="43.95" customHeight="1" x14ac:dyDescent="0.3">
      <c r="A12">
        <v>11</v>
      </c>
      <c r="B12" s="1" t="s">
        <v>23</v>
      </c>
      <c r="C12" s="1" t="s">
        <v>7</v>
      </c>
      <c r="D12" s="1" t="s">
        <v>81</v>
      </c>
    </row>
    <row r="13" spans="1:6" ht="43.95" customHeight="1" x14ac:dyDescent="0.3">
      <c r="A13">
        <v>12</v>
      </c>
      <c r="B13" s="1" t="s">
        <v>24</v>
      </c>
      <c r="C13" s="1" t="s">
        <v>7</v>
      </c>
      <c r="D13" s="1" t="s">
        <v>25</v>
      </c>
    </row>
    <row r="14" spans="1:6" ht="43.95" customHeight="1" x14ac:dyDescent="0.3">
      <c r="A14">
        <v>13</v>
      </c>
      <c r="B14" s="1" t="s">
        <v>26</v>
      </c>
      <c r="C14" s="1" t="s">
        <v>7</v>
      </c>
      <c r="D14" s="1" t="s">
        <v>27</v>
      </c>
    </row>
    <row r="15" spans="1:6" ht="43.95" customHeight="1" x14ac:dyDescent="0.3">
      <c r="A15">
        <v>14</v>
      </c>
      <c r="B15" s="1" t="s">
        <v>28</v>
      </c>
      <c r="C15" s="1" t="s">
        <v>7</v>
      </c>
      <c r="D15" s="1" t="s">
        <v>29</v>
      </c>
    </row>
    <row r="16" spans="1:6" ht="43.95" customHeight="1" x14ac:dyDescent="0.3">
      <c r="A16">
        <v>15</v>
      </c>
      <c r="B16" s="1" t="s">
        <v>30</v>
      </c>
      <c r="C16" s="1" t="s">
        <v>7</v>
      </c>
      <c r="D16" s="1" t="s">
        <v>31</v>
      </c>
    </row>
    <row r="17" spans="1:4" ht="43.95" customHeight="1" x14ac:dyDescent="0.3">
      <c r="A17">
        <v>16</v>
      </c>
      <c r="B17" s="1" t="s">
        <v>32</v>
      </c>
      <c r="C17" s="1" t="s">
        <v>7</v>
      </c>
      <c r="D17" s="1" t="s">
        <v>33</v>
      </c>
    </row>
    <row r="18" spans="1:4" ht="43.95" customHeight="1" x14ac:dyDescent="0.3">
      <c r="A18">
        <v>17</v>
      </c>
      <c r="B18" s="1" t="s">
        <v>34</v>
      </c>
      <c r="C18" s="1" t="s">
        <v>7</v>
      </c>
      <c r="D18" s="1" t="s">
        <v>70</v>
      </c>
    </row>
    <row r="19" spans="1:4" ht="43.95" customHeight="1" x14ac:dyDescent="0.3">
      <c r="A19">
        <v>18</v>
      </c>
      <c r="B19" s="1" t="s">
        <v>35</v>
      </c>
      <c r="C19" s="1" t="s">
        <v>7</v>
      </c>
      <c r="D19" s="1" t="s">
        <v>36</v>
      </c>
    </row>
    <row r="20" spans="1:4" ht="43.95" customHeight="1" x14ac:dyDescent="0.3">
      <c r="A20">
        <v>19</v>
      </c>
      <c r="B20" s="1" t="s">
        <v>37</v>
      </c>
      <c r="C20" s="1" t="s">
        <v>7</v>
      </c>
      <c r="D20" s="1" t="s">
        <v>75</v>
      </c>
    </row>
    <row r="21" spans="1:4" ht="43.95" customHeight="1" x14ac:dyDescent="0.3">
      <c r="A21">
        <v>20</v>
      </c>
      <c r="B21" s="1" t="s">
        <v>38</v>
      </c>
      <c r="C21" s="1" t="s">
        <v>7</v>
      </c>
      <c r="D21" s="1" t="s">
        <v>39</v>
      </c>
    </row>
    <row r="22" spans="1:4" ht="43.95" customHeight="1" x14ac:dyDescent="0.3">
      <c r="A22">
        <v>21</v>
      </c>
      <c r="B22" s="1" t="s">
        <v>40</v>
      </c>
      <c r="C22" s="1" t="s">
        <v>7</v>
      </c>
      <c r="D22" s="1" t="s">
        <v>41</v>
      </c>
    </row>
    <row r="23" spans="1:4" ht="43.95" customHeight="1" x14ac:dyDescent="0.3">
      <c r="A23">
        <v>22</v>
      </c>
      <c r="B23" s="1" t="s">
        <v>42</v>
      </c>
      <c r="C23" s="1" t="s">
        <v>7</v>
      </c>
      <c r="D23" s="1" t="s">
        <v>43</v>
      </c>
    </row>
    <row r="24" spans="1:4" ht="43.95" customHeight="1" x14ac:dyDescent="0.3">
      <c r="A24">
        <v>23</v>
      </c>
      <c r="B24" s="1" t="s">
        <v>44</v>
      </c>
      <c r="C24" s="1" t="s">
        <v>7</v>
      </c>
      <c r="D24" s="1" t="s">
        <v>45</v>
      </c>
    </row>
    <row r="25" spans="1:4" ht="43.95" customHeight="1" x14ac:dyDescent="0.3">
      <c r="A25">
        <v>24</v>
      </c>
      <c r="B25" s="1" t="s">
        <v>46</v>
      </c>
      <c r="C25" s="1" t="s">
        <v>7</v>
      </c>
      <c r="D25" s="1" t="s">
        <v>47</v>
      </c>
    </row>
    <row r="26" spans="1:4" ht="43.95" customHeight="1" x14ac:dyDescent="0.3">
      <c r="A26">
        <v>25</v>
      </c>
      <c r="B26" s="1" t="s">
        <v>48</v>
      </c>
      <c r="C26" s="1" t="s">
        <v>7</v>
      </c>
      <c r="D26" s="1" t="s">
        <v>49</v>
      </c>
    </row>
    <row r="27" spans="1:4" ht="43.95" customHeight="1" x14ac:dyDescent="0.3">
      <c r="A27">
        <v>26</v>
      </c>
      <c r="B27" s="1" t="s">
        <v>50</v>
      </c>
      <c r="C27" s="1" t="s">
        <v>7</v>
      </c>
      <c r="D27" s="1" t="s">
        <v>51</v>
      </c>
    </row>
    <row r="28" spans="1:4" ht="43.95" customHeight="1" x14ac:dyDescent="0.3">
      <c r="A28">
        <v>27</v>
      </c>
      <c r="B28" s="1" t="s">
        <v>52</v>
      </c>
      <c r="C28" s="1" t="s">
        <v>7</v>
      </c>
      <c r="D28" s="1" t="s">
        <v>53</v>
      </c>
    </row>
    <row r="29" spans="1:4" ht="43.95" customHeight="1" x14ac:dyDescent="0.3">
      <c r="A29">
        <v>28</v>
      </c>
      <c r="B29" s="1" t="s">
        <v>54</v>
      </c>
      <c r="C29" s="1" t="s">
        <v>7</v>
      </c>
      <c r="D29" s="1" t="s">
        <v>76</v>
      </c>
    </row>
    <row r="30" spans="1:4" ht="43.95" customHeight="1" x14ac:dyDescent="0.3">
      <c r="A30">
        <v>29</v>
      </c>
      <c r="B30" s="1" t="s">
        <v>77</v>
      </c>
      <c r="C30" s="1" t="s">
        <v>7</v>
      </c>
      <c r="D30" s="1" t="s">
        <v>82</v>
      </c>
    </row>
    <row r="31" spans="1:4" ht="43.95" customHeight="1" x14ac:dyDescent="0.3">
      <c r="A31">
        <v>30</v>
      </c>
      <c r="B31" s="1" t="s">
        <v>55</v>
      </c>
      <c r="C31" s="1" t="s">
        <v>10</v>
      </c>
      <c r="D31" s="1" t="s">
        <v>56</v>
      </c>
    </row>
    <row r="32" spans="1:4" ht="43.95" customHeight="1" x14ac:dyDescent="0.3">
      <c r="A32">
        <v>31</v>
      </c>
      <c r="B32" s="1" t="s">
        <v>57</v>
      </c>
      <c r="C32" s="1" t="s">
        <v>7</v>
      </c>
      <c r="D32" s="1" t="s">
        <v>58</v>
      </c>
    </row>
    <row r="33" spans="1:4" ht="43.95" customHeight="1" x14ac:dyDescent="0.3">
      <c r="A33">
        <v>32</v>
      </c>
      <c r="B33" s="1" t="s">
        <v>59</v>
      </c>
      <c r="C33" s="1" t="s">
        <v>7</v>
      </c>
      <c r="D33" s="1" t="s">
        <v>78</v>
      </c>
    </row>
    <row r="34" spans="1:4" ht="43.95" customHeight="1" x14ac:dyDescent="0.3">
      <c r="A34">
        <v>33</v>
      </c>
      <c r="B34" s="1" t="s">
        <v>60</v>
      </c>
      <c r="C34" s="1" t="s">
        <v>7</v>
      </c>
      <c r="D34" s="1" t="s">
        <v>79</v>
      </c>
    </row>
    <row r="35" spans="1:4" ht="43.95" customHeight="1" x14ac:dyDescent="0.3">
      <c r="A35">
        <v>34</v>
      </c>
      <c r="B35" s="1" t="s">
        <v>61</v>
      </c>
      <c r="C35" s="1" t="s">
        <v>7</v>
      </c>
      <c r="D35" s="1" t="s">
        <v>62</v>
      </c>
    </row>
    <row r="36" spans="1:4" ht="43.95" customHeight="1" x14ac:dyDescent="0.3">
      <c r="A36">
        <v>35</v>
      </c>
      <c r="B36" s="1" t="s">
        <v>63</v>
      </c>
      <c r="C36" s="1" t="s">
        <v>7</v>
      </c>
      <c r="D36" s="1" t="s">
        <v>64</v>
      </c>
    </row>
    <row r="37" spans="1:4" ht="43.95" customHeight="1" x14ac:dyDescent="0.3">
      <c r="A37">
        <v>36</v>
      </c>
      <c r="B37" s="1" t="s">
        <v>65</v>
      </c>
      <c r="C37" s="1" t="s">
        <v>7</v>
      </c>
      <c r="D37" s="1" t="s">
        <v>66</v>
      </c>
    </row>
    <row r="38" spans="1:4" ht="43.95" customHeight="1" x14ac:dyDescent="0.3">
      <c r="A38">
        <v>37</v>
      </c>
      <c r="B38" s="1" t="s">
        <v>67</v>
      </c>
      <c r="C38" s="1" t="s">
        <v>10</v>
      </c>
      <c r="D38" s="1" t="s">
        <v>68</v>
      </c>
    </row>
  </sheetData>
  <sheetProtection algorithmName="SHA-512" hashValue="Uxhih94dHtmsWxUULPiaswEXuyJRh1LdxI2DmcaJN0wfgUtqO/Y1NTmKDssr1fP2Xi11t1h01Zh8q+KWhe/f7A==" saltValue="UDYNxDruyV69Ti0bs6JUew==" spinCount="100000" sheet="1" objects="1" scenarios="1"/>
  <pageMargins left="0.7" right="0.7" top="0.75" bottom="0.75" header="0.3" footer="0.3"/>
  <headerFooter>
    <oddHeader>&amp;L&amp;"Aptos"&amp;10&amp;K7FAA39 | DNB PUBLIC |&amp;1#_x000D_</oddHeader>
  </headerFooter>
  <tableParts count="2">
    <tablePart r:id="rId1"/>
    <tablePart r:id="rId2"/>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DNB_AuteurFix xmlns="f072c7c8-c0ca-48e9-a9c4-2a029bcf732c">
      <UserInfo>
        <DisplayName/>
        <AccountId xsi:nil="true"/>
        <AccountType/>
      </UserInfo>
    </DNB_AuteurFix>
    <DNB_Sjabloon xmlns="f072c7c8-c0ca-48e9-a9c4-2a029bcf732c" xsi:nil="true"/>
    <TaxCatchAllLabel xmlns="f072c7c8-c0ca-48e9-a9c4-2a029bcf732c" xsi:nil="true"/>
    <DNB_Opmerkingen xmlns="f072c7c8-c0ca-48e9-a9c4-2a029bcf732c" xsi:nil="true"/>
    <_vti_ItemHoldRecordStatus xmlns="http://schemas.microsoft.com/sharepoint/v3" xsi:nil="true"/>
    <DNBWorkflowHistory xmlns="f072c7c8-c0ca-48e9-a9c4-2a029bcf732c" xsi:nil="true"/>
    <lcf76f155ced4ddcb4097134ff3c332f xmlns="8c3a9285-9bb2-4bd5-a92e-99f2a4db4fe6">
      <Terms xmlns="http://schemas.microsoft.com/office/infopath/2007/PartnerControls"/>
    </lcf76f155ced4ddcb4097134ff3c332f>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Toezicht Grootbanken, Beleggingsondernemingen ＆ Betaalinstellingen</TermName>
          <TermId xmlns="http://schemas.microsoft.com/office/infopath/2007/PartnerControls">a4263b3d-4c62-46e8-bf12-46e11c5d8e76</TermId>
        </TermInfo>
      </Terms>
    </f416c62b8084a6924c1caabc0cb60db6>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Beleggingsondernemingen ＆ -instellingen</TermName>
          <TermId xmlns="http://schemas.microsoft.com/office/infopath/2007/PartnerControls">74694f3a-e6f2-44d0-87f8-596ee740d895</TermId>
        </TermInfo>
      </Terms>
    </m2811a07b6c6fd47188d63596ada41d4>
    <IconOverlay xmlns="http://schemas.microsoft.com/sharepoint/v4" xsi:nil="true"/>
    <DNB_EmTo xmlns="f072c7c8-c0ca-48e9-a9c4-2a029bcf732c" xsi:nil="true"/>
    <TaxCatchAll xmlns="f072c7c8-c0ca-48e9-a9c4-2a029bcf732c">
      <Value>165</Value>
      <Value>507</Value>
      <Value>2</Value>
      <Value>4</Value>
    </TaxCatchAll>
    <DNB_EmAttachmentNames xmlns="f072c7c8-c0ca-48e9-a9c4-2a029bcf732c" xsi:nil="true"/>
    <_dlc_DocIdPersistId xmlns="f072c7c8-c0ca-48e9-a9c4-2a029bcf732c" xsi:nil="true"/>
    <DNB_EmCC xmlns="f072c7c8-c0ca-48e9-a9c4-2a029bcf732c" xsi:nil="true"/>
    <DNB_Distributie xmlns="f072c7c8-c0ca-48e9-a9c4-2a029bcf732c">false</DNB_Distributie>
    <_Flow_SignoffStatus xmlns="8c3a9285-9bb2-4bd5-a92e-99f2a4db4fe6" xsi:nil="true"/>
    <DNB_EmDate xmlns="f072c7c8-c0ca-48e9-a9c4-2a029bcf732c" xsi:nil="true"/>
    <DNB_CCOntvanger xmlns="f072c7c8-c0ca-48e9-a9c4-2a029bcf732c">
      <UserInfo>
        <DisplayName/>
        <AccountId xsi:nil="true"/>
        <AccountType/>
      </UserInfo>
    </DNB_CCOntvanger>
    <DNBApprovals xmlns="f072c7c8-c0ca-48e9-a9c4-2a029bcf732c">
      <UserInfo>
        <DisplayName/>
        <AccountId xsi:nil="true"/>
        <AccountType/>
      </UserInfo>
    </DNBApprovals>
    <DNB_Ontvanger xmlns="f072c7c8-c0ca-48e9-a9c4-2a029bcf732c">
      <UserInfo>
        <DisplayName/>
        <AccountId xsi:nil="true"/>
        <AccountType/>
      </UserInfo>
    </DNB_Ontvanger>
    <DNB_EmFromName xmlns="f072c7c8-c0ca-48e9-a9c4-2a029bcf732c" xsi:nil="true"/>
    <_vti_ItemDeclaredRecord xmlns="http://schemas.microsoft.com/sharepoint/v3" xsi:nil="true"/>
    <DNB_EmAttachCount xmlns="f072c7c8-c0ca-48e9-a9c4-2a029bcf732c" xsi:nil="true"/>
    <fa46e8b1d6f9e6e4fd0a26f962031baf xmlns="f072c7c8-c0ca-48e9-a9c4-2a029bcf732c">
      <Terms xmlns="http://schemas.microsoft.com/office/infopath/2007/PartnerControls"/>
    </fa46e8b1d6f9e6e4fd0a26f962031baf>
    <od8e6e3d90a0498c44d1c8f50b765f78 xmlns="f072c7c8-c0ca-48e9-a9c4-2a029bcf732c">
      <Terms xmlns="http://schemas.microsoft.com/office/infopath/2007/PartnerControls">
        <TermInfo xmlns="http://schemas.microsoft.com/office/infopath/2007/PartnerControls">
          <TermName xmlns="http://schemas.microsoft.com/office/infopath/2007/PartnerControls">Thema onderzoek BoBi</TermName>
          <TermId xmlns="http://schemas.microsoft.com/office/infopath/2007/PartnerControls">0c3abb4f-a4b0-4c7d-88aa-300a18fb5783</TermId>
        </TermInfo>
      </Terms>
    </od8e6e3d90a0498c44d1c8f50b765f78>
    <DNBWorkflowStatus xmlns="f072c7c8-c0ca-48e9-a9c4-2a029bcf732c" xsi:nil="true"/>
    <_dlc_DocId xmlns="http://schemas.dnb.nl/sharepoint">T030-1866960301-5682</_dlc_DocId>
    <_dlc_DocIdUrl xmlns="http://schemas.dnb.nl/sharepoint">
      <Url>https://dnbnl.sharepoint.com/sites/TK-tu-BOBI/_layouts/15/DocIdRedir.aspx?ID=T030-1866960301-5682</Url>
      <Description>T030-1866960301-5682</Description>
    </_dlc_DocIdUrl>
  </documentManagement>
</p:properties>
</file>

<file path=customXml/item2.xml><?xml version="1.0" encoding="utf-8"?>
<TemplafyTemplateConfiguration><![CDATA[{"transformationConfigurations":[],"templateName":"blankspreadshee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NB Taak Document" ma:contentTypeID="0x0101001A9AF98CE4D646E7BAD5E0A615FBC45700531684C5AA7845B1B8AD3BF3F8A4C4F80093C58E6527C1174F856CE7EFA387A5EB" ma:contentTypeVersion="58" ma:contentTypeDescription="DNB Taak Document" ma:contentTypeScope="" ma:versionID="3cc456b9f74821b0cd148eba5b530e87">
  <xsd:schema xmlns:xsd="http://www.w3.org/2001/XMLSchema" xmlns:xs="http://www.w3.org/2001/XMLSchema" xmlns:p="http://schemas.microsoft.com/office/2006/metadata/properties" xmlns:ns1="http://schemas.microsoft.com/sharepoint/v3" xmlns:ns2="f072c7c8-c0ca-48e9-a9c4-2a029bcf732c" xmlns:ns3="http://schemas.dnb.nl/sharepoint" xmlns:ns4="http://schemas.microsoft.com/sharepoint/v4" xmlns:ns5="8c3a9285-9bb2-4bd5-a92e-99f2a4db4fe6" targetNamespace="http://schemas.microsoft.com/office/2006/metadata/properties" ma:root="true" ma:fieldsID="5a32914dd1afde15b9bf010caad756a6" ns1:_="" ns2:_="" ns3:_="" ns4:_="" ns5:_="">
    <xsd:import namespace="http://schemas.microsoft.com/sharepoint/v3"/>
    <xsd:import namespace="f072c7c8-c0ca-48e9-a9c4-2a029bcf732c"/>
    <xsd:import namespace="http://schemas.dnb.nl/sharepoint"/>
    <xsd:import namespace="http://schemas.microsoft.com/sharepoint/v4"/>
    <xsd:import namespace="8c3a9285-9bb2-4bd5-a92e-99f2a4db4fe6"/>
    <xsd:element name="properties">
      <xsd:complexType>
        <xsd:sequence>
          <xsd:element name="documentManagement">
            <xsd:complexType>
              <xsd:all>
                <xsd:element ref="ns2:DNB_AuteurFix" minOccurs="0"/>
                <xsd:element ref="ns3:_dlc_DocIdUrl"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m2811a07b6c6fd47188d63596ada41d4" minOccurs="0"/>
                <xsd:element ref="ns1:_vti_ItemHoldRecordStatus" minOccurs="0"/>
                <xsd:element ref="ns2:f416c62b8084a6924c1caabc0cb60db6" minOccurs="0"/>
                <xsd:element ref="ns2:TaxCatchAllLabel" minOccurs="0"/>
                <xsd:element ref="ns1:_vti_ItemDeclaredRecord" minOccurs="0"/>
                <xsd:element ref="ns4:IconOverlay" minOccurs="0"/>
                <xsd:element ref="ns2:TaxCatchAll" minOccurs="0"/>
                <xsd:element ref="ns2:_dlc_DocIdPersistId" minOccurs="0"/>
                <xsd:element ref="ns2:od8e6e3d90a0498c44d1c8f50b765f78" minOccurs="0"/>
                <xsd:element ref="ns2:fa46e8b1d6f9e6e4fd0a26f962031baf" minOccurs="0"/>
                <xsd:element ref="ns3:_dlc_DocId" minOccurs="0"/>
                <xsd:element ref="ns5:_Flow_SignoffStatus" minOccurs="0"/>
                <xsd:element ref="ns2:SharedWithUsers" minOccurs="0"/>
                <xsd:element ref="ns2:SharedWithDetails" minOccurs="0"/>
                <xsd:element ref="ns5:lcf76f155ced4ddcb4097134ff3c332f" minOccurs="0"/>
                <xsd:element ref="ns5:MediaServiceDateTaken" minOccurs="0"/>
                <xsd:element ref="ns5:MediaServiceOCR" minOccurs="0"/>
                <xsd:element ref="ns5:MediaServiceGenerationTime" minOccurs="0"/>
                <xsd:element ref="ns5:MediaServiceEventHashCode" minOccurs="0"/>
                <xsd:element ref="ns2:DNBApprovals" minOccurs="0"/>
                <xsd:element ref="ns2:DNBWorkflowStatus" minOccurs="0"/>
                <xsd:element ref="ns2:DNBWorkflowHistory" minOccurs="0"/>
                <xsd:element ref="ns5:MediaServiceObjectDetectorVersions" minOccurs="0"/>
                <xsd:element ref="ns5:MediaServiceSearchProperties" minOccurs="0"/>
                <xsd:element ref="ns5: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HoldRecordStatus" ma:index="21" nillable="true" ma:displayName="Hold and Record Status" ma:decimals="0" ma:description="" ma:hidden="true" ma:indexed="true" ma:internalName="_vti_ItemHoldRecordStatus" ma:readOnly="false">
      <xsd:simpleType>
        <xsd:restriction base="dms:Unknown"/>
      </xsd:simpleType>
    </xsd:element>
    <xsd:element name="_vti_ItemDeclaredRecord" ma:index="25" nillable="true" ma:displayName="Declared Record" ma:hidden="true" ma:internalName="_vti_ItemDeclaredRecord" ma:readOnly="fals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4" nillable="true" ma:displayName="Author" ma:SearchPeopleOnly="false" ma:internalName="DNB_AuteurFix" ma:readOnly="fals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6" nillable="true" ma:displayName="Recipient" ma:hidden="true" ma:SearchPeopleOnly="false" ma:internalName="DNB_Ontvanger" ma:readOnly="fals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7" nillable="true" ma:displayName="CC Recipient" ma:hidden="true" ma:SearchPeopleOnly="false" ma:internalName="DNB_CCOntvanger" ma:readOnly="fals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8" nillable="true" ma:displayName="Remarks" ma:hidden="true" ma:internalName="DNB_Opmerkingen" ma:readOnly="false">
      <xsd:simpleType>
        <xsd:restriction base="dms:Note"/>
      </xsd:simpleType>
    </xsd:element>
    <xsd:element name="DNB_Sjabloon" ma:index="9" nillable="true" ma:displayName="Sjabloon" ma:hidden="true" ma:internalName="DNB_Sjabloon" ma:readOnly="false">
      <xsd:simpleType>
        <xsd:restriction base="dms:Text"/>
      </xsd:simpleType>
    </xsd:element>
    <xsd:element name="DNB_EmTo" ma:index="10" nillable="true" ma:displayName="E-mail To" ma:hidden="true" ma:internalName="DNB_EmTo" ma:readOnly="false">
      <xsd:simpleType>
        <xsd:restriction base="dms:Note"/>
      </xsd:simpleType>
    </xsd:element>
    <xsd:element name="DNB_EmFromName" ma:index="11" nillable="true" ma:displayName="E-mail From" ma:hidden="true" ma:internalName="DNB_EmFromName" ma:readOnly="false">
      <xsd:simpleType>
        <xsd:restriction base="dms:Text"/>
      </xsd:simpleType>
    </xsd:element>
    <xsd:element name="DNB_EmCC" ma:index="12" nillable="true" ma:displayName="E-mail CC" ma:hidden="true" ma:internalName="DNB_EmCC" ma:readOnly="false">
      <xsd:simpleType>
        <xsd:restriction base="dms:Note"/>
      </xsd:simpleType>
    </xsd:element>
    <xsd:element name="DNB_EmDate" ma:index="13" nillable="true" ma:displayName="E-mail Date" ma:hidden="true" ma:indexed="true" ma:internalName="DNB_EmDate">
      <xsd:simpleType>
        <xsd:restriction base="dms:DateTime"/>
      </xsd:simpleType>
    </xsd:element>
    <xsd:element name="DNB_EmAttachCount" ma:index="14" nillable="true" ma:displayName="E-mail Attachment Count" ma:hidden="true" ma:internalName="DNB_EmAttachCount" ma:readOnly="false">
      <xsd:simpleType>
        <xsd:restriction base="dms:Text"/>
      </xsd:simpleType>
    </xsd:element>
    <xsd:element name="DNB_EmAttachmentNames" ma:index="15" nillable="true" ma:displayName="E-mail Attachment Names" ma:hidden="true" ma:internalName="DNB_EmAttachmentNames" ma:readOnly="false">
      <xsd:simpleType>
        <xsd:restriction base="dms:Note"/>
      </xsd:simpleType>
    </xsd:element>
    <xsd:element name="DNB_Distributie" ma:index="16" nillable="true" ma:displayName="Distributie" ma:default="False" ma:hidden="true" ma:internalName="DNB_Distributie" ma:readOnly="false">
      <xsd:simpleType>
        <xsd:restriction base="dms:Boolean"/>
      </xsd:simpleType>
    </xsd:element>
    <xsd:element name="m2811a07b6c6fd47188d63596ada41d4" ma:index="20" nillable="true" ma:taxonomy="true" ma:internalName="m2811a07b6c6fd47188d63596ada41d4" ma:taxonomyFieldName="DNB_Afdeling" ma:displayName="Department" ma:default="2;#Beleggingsondernemingen ＆ -instellingen|74694f3a-e6f2-44d0-87f8-596ee740d895" ma:fieldId="{62811a07-b6c6-fd47-188d-63596ada41d4}"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f416c62b8084a6924c1caabc0cb60db6" ma:index="22" nillable="true" ma:taxonomy="true" ma:internalName="f416c62b8084a6924c1caabc0cb60db6" ma:taxonomyFieldName="DNB_Divisie" ma:displayName="Division" ma:default="507;#Toezicht Grootbanken, Beleggingsondernemingen ＆ Betaalinstellingen|a4263b3d-4c62-46e8-bf12-46e11c5d8e76" ma:fieldId="{f416c62b-8084-a692-4c1c-aabc0cb60db6}"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TaxCatchAllLabel" ma:index="23" nillable="true" ma:displayName="Taxonomy Catch All Column1" ma:description="" ma:hidden="true" ma:list="{d54a60a2-765c-4703-858f-89612901085c}"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TaxCatchAll" ma:index="27" nillable="true" ma:displayName="Taxonomy Catch All Column" ma:description="" ma:hidden="true" ma:list="{d54a60a2-765c-4703-858f-89612901085c}"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_dlc_DocIdPersistId" ma:index="33" nillable="true" ma:displayName="Persist ID" ma:description="Keep ID on add." ma:hidden="true" ma:internalName="_dlc_DocIdPersistId" ma:readOnly="false">
      <xsd:simpleType>
        <xsd:restriction base="dms:Boolean"/>
      </xsd:simpleType>
    </xsd:element>
    <xsd:element name="od8e6e3d90a0498c44d1c8f50b765f78" ma:index="34" ma:taxonomy="true" ma:internalName="od8e6e3d90a0498c44d1c8f50b765f78" ma:taxonomyFieldName="DNB_Taaklabel" ma:displayName="DNB Label" ma:default="165;#Thema onderzoek BoBi|0c3abb4f-a4b0-4c7d-88aa-300a18fb5783" ma:fieldId="{8d8e6e3d-90a0-498c-44d1-c8f50b765f78}" ma:taxonomyMulti="true" ma:sspId="b8135cd8-dd77-44d6-bdcc-adbf336672a2" ma:termSetId="090b21a2-0fe0-4d6c-a6c2-301ed207ecf5" ma:anchorId="7d85e2da-4380-4847-a882-b4eda4e13c3f" ma:open="false" ma:isKeyword="false">
      <xsd:complexType>
        <xsd:sequence>
          <xsd:element ref="pc:Terms" minOccurs="0" maxOccurs="1"/>
        </xsd:sequence>
      </xsd:complexType>
    </xsd:element>
    <xsd:element name="fa46e8b1d6f9e6e4fd0a26f962031baf" ma:index="35" nillable="true" ma:taxonomy="true" ma:internalName="fa46e8b1d6f9e6e4fd0a26f962031baf" ma:taxonomyFieldName="DNB_Sector1" ma:displayName="Sector" ma:readOnly="false" ma:default="" ma:fieldId="{fa46e8b1-d6f9-e6e4-fd0a-26f962031baf}" ma:taxonomyMulti="true" ma:sspId="b8135cd8-dd77-44d6-bdcc-adbf336672a2" ma:termSetId="2286d354-b4d5-46d6-982d-f65ea82a1185" ma:anchorId="00000000-0000-0000-0000-000000000000" ma:open="false" ma:isKeyword="false">
      <xsd:complexType>
        <xsd:sequence>
          <xsd:element ref="pc:Terms" minOccurs="0" maxOccurs="1"/>
        </xsd:sequence>
      </xsd:complexType>
    </xsd:element>
    <xsd:element name="SharedWithUsers" ma:index="38" nillable="true" ma:displayName="Shared With"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9" nillable="true" ma:displayName="Shared With Details" ma:hidden="true" ma:internalName="SharedWithDetails" ma:readOnly="true">
      <xsd:simpleType>
        <xsd:restriction base="dms:Note"/>
      </xsd:simpleType>
    </xsd:element>
    <xsd:element name="DNBApprovals" ma:index="46" nillable="true" ma:displayName="Approvals" ma:internalName="DNB_Approvals">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WorkflowStatus" ma:index="47" nillable="true" ma:displayName="Approval Status" ma:internalName="DNB_WorkflowStatus">
      <xsd:simpleType>
        <xsd:restriction base="dms:Text"/>
      </xsd:simpleType>
    </xsd:element>
    <xsd:element name="DNBWorkflowHistory" ma:index="48" nillable="true" ma:displayName="Approval History" ma:internalName="DNB_WorkflowHistor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Url" ma:index="5"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 ma:index="36" nillable="true" ma:displayName="Document ID Value" ma:description="The value of the document ID assigned to this item." ma:hidden="true" ma:indexed="true" ma:internalName="_dlc_DocId"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6" nillable="true" ma:displayName="IconOverlay" ma:hidden="true" ma:internalName="IconOverlay" ma:readOnly="fals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c3a9285-9bb2-4bd5-a92e-99f2a4db4fe6" elementFormDefault="qualified">
    <xsd:import namespace="http://schemas.microsoft.com/office/2006/documentManagement/types"/>
    <xsd:import namespace="http://schemas.microsoft.com/office/infopath/2007/PartnerControls"/>
    <xsd:element name="_Flow_SignoffStatus" ma:index="37" nillable="true" ma:displayName="Sign-off status" ma:hidden="true" ma:internalName="Sign_x002d_off_x0020_status" ma:readOnly="false">
      <xsd:simpleType>
        <xsd:restriction base="dms:Text"/>
      </xsd:simpleType>
    </xsd:element>
    <xsd:element name="lcf76f155ced4ddcb4097134ff3c332f" ma:index="41"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DateTaken" ma:index="42" nillable="true" ma:displayName="MediaServiceDateTaken" ma:hidden="true" ma:indexed="true" ma:internalName="MediaServiceDateTaken" ma:readOnly="true">
      <xsd:simpleType>
        <xsd:restriction base="dms:Text"/>
      </xsd:simpleType>
    </xsd:element>
    <xsd:element name="MediaServiceOCR" ma:index="43" nillable="true" ma:displayName="Extracted Text" ma:internalName="MediaServiceOCR" ma:readOnly="true">
      <xsd:simpleType>
        <xsd:restriction base="dms:Note">
          <xsd:maxLength value="255"/>
        </xsd:restriction>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ServiceObjectDetectorVersions" ma:index="49" nillable="true" ma:displayName="MediaServiceObjectDetectorVersions" ma:hidden="true" ma:indexed="true" ma:internalName="MediaServiceObjectDetectorVersions" ma:readOnly="true">
      <xsd:simpleType>
        <xsd:restriction base="dms:Text"/>
      </xsd:simpleType>
    </xsd:element>
    <xsd:element name="MediaServiceSearchProperties" ma:index="50" nillable="true" ma:displayName="MediaServiceSearchProperties" ma:hidden="true" ma:internalName="MediaServiceSearchProperties" ma:readOnly="true">
      <xsd:simpleType>
        <xsd:restriction base="dms:Note"/>
      </xsd:simpleType>
    </xsd:element>
    <xsd:element name="MediaLengthInSeconds" ma:index="51"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Content Type"/>
        <xsd:element ref="dc:title" minOccurs="0" maxOccurs="1" ma:index="0"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haredContentType xmlns="Microsoft.SharePoint.Taxonomy.ContentTypeSync" SourceId="1e3213a6-3d3a-4fd1-b2e1-5dac641bbf5e" ContentTypeId="0x0101001A9AF98CE4D646E7BAD5E0A615FBC45700531684C5AA7845B1B8AD3BF3F8A4C4F8" PreviousValue="false"/>
</file>

<file path=customXml/item6.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BD4C727A-61D6-4564-B87E-6E1421909FB2}">
  <ds:schemaRefs>
    <ds:schemaRef ds:uri="http://schemas.microsoft.com/office/2006/documentManagement/types"/>
    <ds:schemaRef ds:uri="http://schemas.dnb.nl/sharepoint"/>
    <ds:schemaRef ds:uri="http://purl.org/dc/dcmitype/"/>
    <ds:schemaRef ds:uri="http://purl.org/dc/terms/"/>
    <ds:schemaRef ds:uri="http://purl.org/dc/elements/1.1/"/>
    <ds:schemaRef ds:uri="http://schemas.microsoft.com/office/2006/metadata/properties"/>
    <ds:schemaRef ds:uri="8c3a9285-9bb2-4bd5-a92e-99f2a4db4fe6"/>
    <ds:schemaRef ds:uri="http://schemas.microsoft.com/office/infopath/2007/PartnerControls"/>
    <ds:schemaRef ds:uri="http://schemas.microsoft.com/sharepoint/v3"/>
    <ds:schemaRef ds:uri="http://www.w3.org/XML/1998/namespace"/>
    <ds:schemaRef ds:uri="http://schemas.openxmlformats.org/package/2006/metadata/core-properties"/>
    <ds:schemaRef ds:uri="http://schemas.microsoft.com/sharepoint/v4"/>
    <ds:schemaRef ds:uri="f072c7c8-c0ca-48e9-a9c4-2a029bcf732c"/>
  </ds:schemaRefs>
</ds:datastoreItem>
</file>

<file path=customXml/itemProps2.xml><?xml version="1.0" encoding="utf-8"?>
<ds:datastoreItem xmlns:ds="http://schemas.openxmlformats.org/officeDocument/2006/customXml" ds:itemID="{58FDB258-840B-4189-80A1-0F857939EFFB}">
  <ds:schemaRefs/>
</ds:datastoreItem>
</file>

<file path=customXml/itemProps3.xml><?xml version="1.0" encoding="utf-8"?>
<ds:datastoreItem xmlns:ds="http://schemas.openxmlformats.org/officeDocument/2006/customXml" ds:itemID="{BF92AA50-47F7-4477-870C-FAC02C4E00E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http://schemas.microsoft.com/sharepoint/v4"/>
    <ds:schemaRef ds:uri="8c3a9285-9bb2-4bd5-a92e-99f2a4db4fe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846A860-848C-46F0-829D-4BDE3668D718}">
  <ds:schemaRefs>
    <ds:schemaRef ds:uri="http://schemas.microsoft.com/sharepoint/v3/contenttype/forms"/>
  </ds:schemaRefs>
</ds:datastoreItem>
</file>

<file path=customXml/itemProps5.xml><?xml version="1.0" encoding="utf-8"?>
<ds:datastoreItem xmlns:ds="http://schemas.openxmlformats.org/officeDocument/2006/customXml" ds:itemID="{2FEE67AC-0B00-4F0F-B9EE-DAED148337FA}">
  <ds:schemaRefs>
    <ds:schemaRef ds:uri="Microsoft.SharePoint.Taxonomy.ContentTypeSync"/>
  </ds:schemaRefs>
</ds:datastoreItem>
</file>

<file path=customXml/itemProps6.xml><?xml version="1.0" encoding="utf-8"?>
<ds:datastoreItem xmlns:ds="http://schemas.openxmlformats.org/officeDocument/2006/customXml" ds:itemID="{2760612F-850A-4587-91A2-50BC7EB5689F}">
  <ds:schemaRefs>
    <ds:schemaRef ds:uri="http://schemas.microsoft.com/sharepoint/events"/>
    <ds:schemaRef ds:uri=""/>
  </ds:schemaRefs>
</ds:datastoreItem>
</file>

<file path=customXml/itemProps7.xml><?xml version="1.0" encoding="utf-8"?>
<ds:datastoreItem xmlns:ds="http://schemas.openxmlformats.org/officeDocument/2006/customXml" ds:itemID="{46E56178-A09E-4724-8840-5C719A4A3FCD}">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2</vt:i4>
      </vt:variant>
    </vt:vector>
  </HeadingPairs>
  <TitlesOfParts>
    <vt:vector size="2" baseType="lpstr">
      <vt:lpstr>Self-Assessment</vt:lpstr>
      <vt:lpstr>Dat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5-04-30T13:32:03Z</dcterms:created>
  <dcterms:modified xsi:type="dcterms:W3CDTF">2025-12-10T15:36:3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970965601742225776</vt:lpwstr>
  </property>
  <property fmtid="{D5CDD505-2E9C-101B-9397-08002B2CF9AE}" pid="4" name="TemplafyUserProfileId">
    <vt:lpwstr>637884841947486423</vt:lpwstr>
  </property>
  <property fmtid="{D5CDD505-2E9C-101B-9397-08002B2CF9AE}" pid="5" name="TemplafyFromBlank">
    <vt:bool>true</vt:bool>
  </property>
  <property fmtid="{D5CDD505-2E9C-101B-9397-08002B2CF9AE}" pid="6" name="ContentTypeId">
    <vt:lpwstr>0x0101001A9AF98CE4D646E7BAD5E0A615FBC45700531684C5AA7845B1B8AD3BF3F8A4C4F80093C58E6527C1174F856CE7EFA387A5EB</vt:lpwstr>
  </property>
  <property fmtid="{D5CDD505-2E9C-101B-9397-08002B2CF9AE}" pid="7" name="lda0e043566dcacd3d66b94d90c3f946">
    <vt:lpwstr>Lopend|9178452f-7c5d-4617-8a9d-cb6cbffbcbfc</vt:lpwstr>
  </property>
  <property fmtid="{D5CDD505-2E9C-101B-9397-08002B2CF9AE}" pid="8" name="DNB_Taaklabel">
    <vt:lpwstr>165;#Thema onderzoek BoBi|0c3abb4f-a4b0-4c7d-88aa-300a18fb5783</vt:lpwstr>
  </property>
  <property fmtid="{D5CDD505-2E9C-101B-9397-08002B2CF9AE}" pid="9" name="_dlc_DocIdItemGuid">
    <vt:lpwstr>5e641829-000d-47fc-896c-5c86c1422bca</vt:lpwstr>
  </property>
  <property fmtid="{D5CDD505-2E9C-101B-9397-08002B2CF9AE}" pid="10" name="DNB_Afdeling">
    <vt:lpwstr>2;#Beleggingsondernemingen ＆ -instellingen|74694f3a-e6f2-44d0-87f8-596ee740d895</vt:lpwstr>
  </property>
  <property fmtid="{D5CDD505-2E9C-101B-9397-08002B2CF9AE}" pid="11" name="DNB_Divisie">
    <vt:lpwstr>507;#Toezicht Grootbanken, Beleggingsondernemingen ＆ Betaalinstellingen|a4263b3d-4c62-46e8-bf12-46e11c5d8e76</vt:lpwstr>
  </property>
  <property fmtid="{D5CDD505-2E9C-101B-9397-08002B2CF9AE}" pid="12" name="MediaServiceImageTags">
    <vt:lpwstr/>
  </property>
  <property fmtid="{D5CDD505-2E9C-101B-9397-08002B2CF9AE}" pid="13" name="DNB_Toezicht_Uitvoering_Label">
    <vt:lpwstr/>
  </property>
  <property fmtid="{D5CDD505-2E9C-101B-9397-08002B2CF9AE}" pid="14" name="d59ce84a8934f48e8f67724f8e547bda">
    <vt:lpwstr/>
  </property>
  <property fmtid="{D5CDD505-2E9C-101B-9397-08002B2CF9AE}" pid="15" name="DNB_Sector1">
    <vt:lpwstr/>
  </property>
  <property fmtid="{D5CDD505-2E9C-101B-9397-08002B2CF9AE}" pid="16" name="DNB_Status">
    <vt:lpwstr>4;#Lopend|9178452f-7c5d-4617-8a9d-cb6cbffbcbfc</vt:lpwstr>
  </property>
</Properties>
</file>